
<file path=[Content_Types].xml><?xml version="1.0" encoding="utf-8"?>
<Types xmlns="http://schemas.openxmlformats.org/package/2006/content-types">
  <Default Extension="xml" ContentType="application/xml"/>
  <Default Extension="jpeg" ContentType="image/jpeg"/>
  <Default Extension="JPG" ContentType="image/.jpg"/>
  <Default Extension="emf" ContentType="image/x-emf"/>
  <Default Extension="png" ContentType="image/png"/>
  <Default Extension="rels" ContentType="application/vnd.openxmlformats-package.relationship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ppt/commentAuthors.xml" ContentType="application/vnd.openxmlformats-officedocument.presentationml.commentAuthors+xml"/>
  <Override PartName="/ppt/handoutMasters/handoutMaster1.xml" ContentType="application/vnd.openxmlformats-officedocument.presentationml.handoutMaster+xml"/>
  <Override PartName="/ppt/media/image11.svg" ContentType="image/svg+xml"/>
  <Override PartName="/ppt/media/image13.svg" ContentType="image/svg+xml"/>
  <Override PartName="/ppt/media/image15.svg" ContentType="image/svg+xml"/>
  <Override PartName="/ppt/media/image17.svg" ContentType="image/svg+xml"/>
  <Override PartName="/ppt/media/image19.svg" ContentType="image/svg+xml"/>
  <Override PartName="/ppt/media/image26.svg" ContentType="image/svg+xml"/>
  <Override PartName="/ppt/media/image6.svg" ContentType="image/svg+xml"/>
  <Override PartName="/ppt/media/image8.svg" ContentType="image/svg+xml"/>
  <Override PartName="/ppt/notesMasters/notesMaster1.xml" ContentType="application/vnd.openxmlformats-officedocument.presentationml.notesMaster+xml"/>
  <Override PartName="/ppt/presProps.xml" ContentType="application/vnd.openxmlformats-officedocument.presentationml.presProps+xml"/>
  <Override PartName="/ppt/presentation.xml" ContentType="application/vnd.openxmlformats-officedocument.presentationml.presentation.main+xml"/>
  <Override PartName="/ppt/slideLayouts/slideLayout1.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tableStyles.xml" ContentType="application/vnd.openxmlformats-officedocument.presentationml.tableStyles+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viewProps.xml" ContentType="application/vnd.openxmlformats-officedocument.presentationml.viewProps+xml"/>
</Types>
</file>

<file path=_rels/.rels><?xml version="1.0" encoding="UTF-8" standalone="yes"?>
<Relationships xmlns="http://schemas.openxmlformats.org/package/2006/relationships"><Relationship Id="rId1" Type="http://schemas.openxmlformats.org/officeDocument/2006/relationships/officeDocument" Target="ppt/presentation.xml"/><Relationship Id="rId4" Type="http://schemas.openxmlformats.org/package/2006/relationships/metadata/thumbnail" Target="docProps/thumbnail.jpeg"/><Relationship Id="rId3" Type="http://schemas.openxmlformats.org/package/2006/relationships/metadata/core-properties" Target="docProps/core.xml"/><Relationship Id="rId2" Type="http://schemas.openxmlformats.org/officeDocument/2006/relationships/extended-properties" Target="docProps/app.xml"/><Relationship Id="rId5"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p:sldMasterIdLst>
    <p:sldMasterId id="2147483648" r:id="rId1"/>
  </p:sldMasterIdLst>
  <p:notesMasterIdLst>
    <p:notesMasterId r:id="rId12"/>
  </p:notesMasterIdLst>
  <p:handoutMasterIdLst>
    <p:handoutMasterId r:id="rId13"/>
  </p:handoutMasterIdLst>
  <p:sldIdLst>
    <p:sldId id="439" r:id="rId3"/>
    <p:sldId id="452" r:id="rId4"/>
    <p:sldId id="454" r:id="rId5"/>
    <p:sldId id="473" r:id="rId6"/>
    <p:sldId id="455" r:id="rId7"/>
    <p:sldId id="448" r:id="rId8"/>
    <p:sldId id="474" r:id="rId9"/>
    <p:sldId id="444" r:id="rId10"/>
    <p:sldId id="463" r:id="rId11"/>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presentation>
</file>

<file path=ppt/commentAuthors.xml><?xml version="1.0" encoding="utf-8"?>
<p:cmAuthorLst xmlns:a="http://schemas.openxmlformats.org/drawingml/2006/main" xmlns:r="http://schemas.openxmlformats.org/officeDocument/2006/relationships" xmlns:p="http://schemas.openxmlformats.org/presentationml/2006/main">
  <p:cmAuthor id="4" name="Author" initials="A" lastIdx="0" clrIdx="3"/>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220"/>
    </p:ext>
  </p:extLst>
</p:presentationPr>
</file>

<file path=ppt/tableStyles.xml><?xml version="1.0" encoding="utf-8"?>
<a:tblStyleLst xmlns:a="http://schemas.openxmlformats.org/drawingml/2006/main" def="{F2DE63D5-997A-4646-A377-4702673A728D}"/>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502" autoAdjust="0"/>
    <p:restoredTop sz="96518" autoAdjust="0"/>
  </p:normalViewPr>
  <p:slideViewPr>
    <p:cSldViewPr snapToGrid="0">
      <p:cViewPr varScale="1">
        <p:scale>
          <a:sx n="59" d="100"/>
          <a:sy n="59" d="100"/>
        </p:scale>
        <p:origin x="904" y="52"/>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3672" y="78"/>
      </p:cViewPr>
      <p:guideLst/>
    </p:cSldViewPr>
  </p:notesViewPr>
  <p:gridSpacing cx="72008" cy="72008"/>
</p:viewPr>
</file>

<file path=ppt/_rels/presentation.xml.rels><?xml version="1.0" encoding="UTF-8" standalone="yes"?>
<Relationships xmlns="http://schemas.openxmlformats.org/package/2006/relationships"><Relationship Id="rId9" Type="http://schemas.openxmlformats.org/officeDocument/2006/relationships/slide" Target="slides/slide7.xml"/><Relationship Id="rId8" Type="http://schemas.openxmlformats.org/officeDocument/2006/relationships/slide" Target="slides/slide6.xml"/><Relationship Id="rId7" Type="http://schemas.openxmlformats.org/officeDocument/2006/relationships/slide" Target="slides/slide5.xml"/><Relationship Id="rId6" Type="http://schemas.openxmlformats.org/officeDocument/2006/relationships/slide" Target="slides/slide4.xml"/><Relationship Id="rId5" Type="http://schemas.openxmlformats.org/officeDocument/2006/relationships/slide" Target="slides/slide3.xml"/><Relationship Id="rId4" Type="http://schemas.openxmlformats.org/officeDocument/2006/relationships/slide" Target="slides/slide2.xml"/><Relationship Id="rId3" Type="http://schemas.openxmlformats.org/officeDocument/2006/relationships/slide" Target="slides/slide1.xml"/><Relationship Id="rId23" Type="http://schemas.openxmlformats.org/officeDocument/2006/relationships/customXml" Target="../customXml/item6.xml"/><Relationship Id="rId22" Type="http://schemas.openxmlformats.org/officeDocument/2006/relationships/customXml" Target="../customXml/item5.xml"/><Relationship Id="rId21" Type="http://schemas.openxmlformats.org/officeDocument/2006/relationships/customXml" Target="../customXml/item4.xml"/><Relationship Id="rId20" Type="http://schemas.openxmlformats.org/officeDocument/2006/relationships/customXml" Target="../customXml/item3.xml"/><Relationship Id="rId2" Type="http://schemas.openxmlformats.org/officeDocument/2006/relationships/theme" Target="theme/theme1.xml"/><Relationship Id="rId19" Type="http://schemas.openxmlformats.org/officeDocument/2006/relationships/customXml" Target="../customXml/item2.xml"/><Relationship Id="rId18" Type="http://schemas.openxmlformats.org/officeDocument/2006/relationships/customXml" Target="../customXml/item1.xml"/><Relationship Id="rId17" Type="http://schemas.openxmlformats.org/officeDocument/2006/relationships/commentAuthors" Target="commentAuthors.xml"/><Relationship Id="rId16" Type="http://schemas.openxmlformats.org/officeDocument/2006/relationships/tableStyles" Target="tableStyles.xml"/><Relationship Id="rId15" Type="http://schemas.openxmlformats.org/officeDocument/2006/relationships/viewProps" Target="viewProps.xml"/><Relationship Id="rId14" Type="http://schemas.openxmlformats.org/officeDocument/2006/relationships/presProps" Target="presProps.xml"/><Relationship Id="rId13" Type="http://schemas.openxmlformats.org/officeDocument/2006/relationships/handoutMaster" Target="handoutMasters/handoutMaster1.xml"/><Relationship Id="rId12" Type="http://schemas.openxmlformats.org/officeDocument/2006/relationships/notesMaster" Target="notesMasters/notesMaster1.xml"/><Relationship Id="rId11" Type="http://schemas.openxmlformats.org/officeDocument/2006/relationships/slide" Target="slides/slide9.xml"/><Relationship Id="rId10" Type="http://schemas.openxmlformats.org/officeDocument/2006/relationships/slide" Target="slides/slide8.xml"/><Relationship Id="rId1" Type="http://schemas.openxmlformats.org/officeDocument/2006/relationships/slideMaster" Target="slideMasters/slide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4" Type="http://schemas.openxmlformats.org/officeDocument/2006/relationships/image" Target="../media/image2.emf"/><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4" Type="http://schemas.openxmlformats.org/officeDocument/2006/relationships/image" Target="../media/image1.emf"/><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4" Type="http://schemas.openxmlformats.org/officeDocument/2006/relationships/image" Target="../media/image1.emf"/><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4" Type="http://schemas.openxmlformats.org/officeDocument/2006/relationships/image" Target="../media/image2.emf"/><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4" Type="http://schemas.openxmlformats.org/officeDocument/2006/relationships/image" Target="../media/image1.emf"/><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3" Type="http://schemas.openxmlformats.org/officeDocument/2006/relationships/image" Target="../media/image13.svg"/><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4" Type="http://schemas.openxmlformats.org/officeDocument/2006/relationships/image" Target="../media/image2.emf"/><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4" Type="http://schemas.openxmlformats.org/officeDocument/2006/relationships/image" Target="../media/image1.emf"/><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4" Type="http://schemas.openxmlformats.org/officeDocument/2006/relationships/image" Target="../media/image1.emf"/><Relationship Id="rId3" Type="http://schemas.openxmlformats.org/officeDocument/2006/relationships/image" Target="../media/image19.sv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20.png"/><Relationship Id="rId1" Type="http://schemas.openxmlformats.org/officeDocument/2006/relationships/slideMaster" Target="../slideMasters/slideMaster1.xml"/></Relationships>
</file>

<file path=ppt/slideLayouts/_rels/slideLayout73.xml.rels><?xml version="1.0" encoding="UTF-8" standalone="yes"?>
<Relationships xmlns="http://schemas.openxmlformats.org/package/2006/relationships"><Relationship Id="rId4" Type="http://schemas.openxmlformats.org/officeDocument/2006/relationships/image" Target="../media/image1.emf"/><Relationship Id="rId3" Type="http://schemas.openxmlformats.org/officeDocument/2006/relationships/image" Target="../media/image21.pn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22.jpeg"/><Relationship Id="rId1" Type="http://schemas.openxmlformats.org/officeDocument/2006/relationships/slideMaster" Target="../slideMasters/slideMaster1.xml"/></Relationships>
</file>

<file path=ppt/slideLayouts/_rels/slideLayout75.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3.png"/><Relationship Id="rId1" Type="http://schemas.openxmlformats.org/officeDocument/2006/relationships/slideMaster" Target="../slideMasters/slideMaster1.xml"/></Relationships>
</file>

<file path=ppt/slideLayouts/_rels/slideLayout76.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4.png"/><Relationship Id="rId1" Type="http://schemas.openxmlformats.org/officeDocument/2006/relationships/slideMaster" Target="../slideMasters/slideMaster1.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2.xml.rels><?xml version="1.0" encoding="UTF-8" standalone="yes"?>
<Relationships xmlns="http://schemas.openxmlformats.org/package/2006/relationships"><Relationship Id="rId4" Type="http://schemas.openxmlformats.org/officeDocument/2006/relationships/image" Target="../media/image1.emf"/><Relationship Id="rId3" Type="http://schemas.openxmlformats.org/officeDocument/2006/relationships/image" Target="../media/image26.svg"/><Relationship Id="rId2" Type="http://schemas.openxmlformats.org/officeDocument/2006/relationships/image" Target="../media/image25.png"/><Relationship Id="rId1" Type="http://schemas.openxmlformats.org/officeDocument/2006/relationships/slideMaster" Target="../slideMasters/slideMaster1.xml"/></Relationships>
</file>

<file path=ppt/slideLayouts/_rels/slideLayout83.xml.rels><?xml version="1.0" encoding="UTF-8" standalone="yes"?>
<Relationships xmlns="http://schemas.openxmlformats.org/package/2006/relationships"><Relationship Id="rId4" Type="http://schemas.openxmlformats.org/officeDocument/2006/relationships/image" Target="../media/image26.svg"/><Relationship Id="rId3" Type="http://schemas.openxmlformats.org/officeDocument/2006/relationships/image" Target="../media/image25.pn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5" Type="http://schemas.openxmlformats.org/officeDocument/2006/relationships/image" Target="../media/image30.png"/><Relationship Id="rId4" Type="http://schemas.openxmlformats.org/officeDocument/2006/relationships/image" Target="../media/image29.png"/><Relationship Id="rId3" Type="http://schemas.openxmlformats.org/officeDocument/2006/relationships/image" Target="../media/image28.png"/><Relationship Id="rId2" Type="http://schemas.openxmlformats.org/officeDocument/2006/relationships/image" Target="../media/image27.png"/><Relationship Id="rId1" Type="http://schemas.openxmlformats.org/officeDocument/2006/relationships/slideMaster" Target="../slideMasters/slideMaster1.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p:bg bwMode="ltGray">
      <p:bgPr>
        <a:solidFill>
          <a:schemeClr val="accent3"/>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12" name="Group graphic"/>
          <p:cNvGrpSpPr>
            <a:grpSpLocks noGrp="1" noRot="1" noMove="1" noResize="1" noUngrp="1"/>
          </p:cNvGrpSpPr>
          <p:nvPr userDrawn="1"/>
        </p:nvGrpSpPr>
        <p:grpSpPr bwMode="invGray">
          <a:xfrm>
            <a:off x="6339596" y="0"/>
            <a:ext cx="5852404" cy="6858000"/>
            <a:chOff x="6396158" y="75416"/>
            <a:chExt cx="5852404" cy="6858000"/>
          </a:xfrm>
        </p:grpSpPr>
        <p:sp>
          <p:nvSpPr>
            <p:cNvPr id="14" name="Freeform 76"/>
            <p:cNvSpPr>
              <a:spLocks noGrp="1" noRot="1" noMove="1" noResize="1" noEditPoints="1" noAdjustHandles="1" noChangeArrowheads="1" noChangeShapeType="1"/>
            </p:cNvSpPr>
            <p:nvPr/>
          </p:nvSpPr>
          <p:spPr bwMode="invGray">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solidFill>
              <a:schemeClr val="accent1"/>
            </a:solidFill>
            <a:ln w="0" cap="flat">
              <a:noFill/>
              <a:prstDash val="solid"/>
              <a:miter/>
            </a:ln>
          </p:spPr>
          <p:txBody>
            <a:bodyPr rtlCol="0" anchor="ctr"/>
            <a:lstStyle/>
            <a:p>
              <a:endParaRPr lang="en-US" dirty="0"/>
            </a:p>
          </p:txBody>
        </p:sp>
        <p:sp>
          <p:nvSpPr>
            <p:cNvPr id="17" name="Freeform 21"/>
            <p:cNvSpPr>
              <a:spLocks noGrp="1" noRot="1" noMove="1" noResize="1" noEditPoints="1" noAdjustHandles="1" noChangeArrowheads="1" noChangeShapeType="1"/>
            </p:cNvSpPr>
            <p:nvPr/>
          </p:nvSpPr>
          <p:spPr bwMode="invGray">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solidFill>
              <a:schemeClr val="accent1"/>
            </a:solidFill>
            <a:ln w="0" cap="flat">
              <a:noFill/>
              <a:prstDash val="solid"/>
              <a:miter/>
            </a:ln>
          </p:spPr>
          <p:txBody>
            <a:bodyPr rtlCol="0" anchor="ctr"/>
            <a:lstStyle/>
            <a:p>
              <a:endParaRPr lang="en-US" dirty="0"/>
            </a:p>
          </p:txBody>
        </p:sp>
        <p:sp>
          <p:nvSpPr>
            <p:cNvPr id="18" name="Freeform 23"/>
            <p:cNvSpPr>
              <a:spLocks noGrp="1" noRot="1" noMove="1" noResize="1" noEditPoints="1" noAdjustHandles="1" noChangeArrowheads="1" noChangeShapeType="1"/>
            </p:cNvSpPr>
            <p:nvPr/>
          </p:nvSpPr>
          <p:spPr bwMode="invGray">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solidFill>
              <a:schemeClr val="accent1"/>
            </a:solidFill>
            <a:ln w="0" cap="flat">
              <a:noFill/>
              <a:prstDash val="solid"/>
              <a:miter/>
            </a:ln>
          </p:spPr>
          <p:txBody>
            <a:bodyPr rtlCol="0" anchor="ctr"/>
            <a:lstStyle/>
            <a:p>
              <a:endParaRPr lang="en-US" dirty="0"/>
            </a:p>
          </p:txBody>
        </p:sp>
        <p:sp>
          <p:nvSpPr>
            <p:cNvPr id="19" name="Freeform 61"/>
            <p:cNvSpPr>
              <a:spLocks noGrp="1" noRot="1" noMove="1" noResize="1" noEditPoints="1" noAdjustHandles="1" noChangeArrowheads="1" noChangeShapeType="1"/>
            </p:cNvSpPr>
            <p:nvPr/>
          </p:nvSpPr>
          <p:spPr bwMode="invGray">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solidFill>
              <a:schemeClr val="accent1"/>
            </a:solidFill>
            <a:ln w="0" cap="flat">
              <a:noFill/>
              <a:prstDash val="solid"/>
              <a:miter/>
            </a:ln>
          </p:spPr>
          <p:txBody>
            <a:bodyPr rtlCol="0" anchor="ctr"/>
            <a:lstStyle/>
            <a:p>
              <a:endParaRPr lang="en-US" dirty="0"/>
            </a:p>
          </p:txBody>
        </p:sp>
        <p:sp>
          <p:nvSpPr>
            <p:cNvPr id="20" name="Freeform 56"/>
            <p:cNvSpPr>
              <a:spLocks noGrp="1" noRot="1" noMove="1" noResize="1" noEditPoints="1" noAdjustHandles="1" noChangeArrowheads="1" noChangeShapeType="1"/>
            </p:cNvSpPr>
            <p:nvPr/>
          </p:nvSpPr>
          <p:spPr bwMode="invGray">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solidFill>
              <a:srgbClr val="DAFA87"/>
            </a:solidFill>
            <a:ln w="0" cap="flat">
              <a:noFill/>
              <a:prstDash val="solid"/>
              <a:miter/>
            </a:ln>
          </p:spPr>
          <p:txBody>
            <a:bodyPr rtlCol="0" anchor="ctr"/>
            <a:lstStyle/>
            <a:p>
              <a:endParaRPr lang="en-US" dirty="0"/>
            </a:p>
          </p:txBody>
        </p:sp>
        <p:sp>
          <p:nvSpPr>
            <p:cNvPr id="21" name="Freeform 67"/>
            <p:cNvSpPr>
              <a:spLocks noGrp="1" noRot="1" noMove="1" noResize="1" noEditPoints="1" noAdjustHandles="1" noChangeArrowheads="1" noChangeShapeType="1"/>
            </p:cNvSpPr>
            <p:nvPr userDrawn="1"/>
          </p:nvSpPr>
          <p:spPr bwMode="invGray">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2" name="Freeform 65"/>
            <p:cNvSpPr>
              <a:spLocks noGrp="1" noRot="1" noMove="1" noResize="1" noEditPoints="1" noAdjustHandles="1" noChangeArrowheads="1" noChangeShapeType="1"/>
            </p:cNvSpPr>
            <p:nvPr userDrawn="1"/>
          </p:nvSpPr>
          <p:spPr bwMode="invGray">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2" name="Title 1"/>
          <p:cNvSpPr>
            <a:spLocks noGrp="1"/>
          </p:cNvSpPr>
          <p:nvPr>
            <p:ph type="ctrTitle" hasCustomPrompt="1"/>
          </p:nvPr>
        </p:nvSpPr>
        <p:spPr>
          <a:xfrm>
            <a:off x="360000" y="1450800"/>
            <a:ext cx="5647100" cy="1820862"/>
          </a:xfrm>
          <a:noFill/>
        </p:spPr>
        <p:txBody>
          <a:bodyPr anchor="b" anchorCtr="0"/>
          <a:lstStyle>
            <a:lvl1pPr algn="l">
              <a:lnSpc>
                <a:spcPct val="85000"/>
              </a:lnSpc>
              <a:defRPr sz="6000" b="0">
                <a:solidFill>
                  <a:schemeClr val="accent1"/>
                </a:solidFill>
              </a:defRPr>
            </a:lvl1pPr>
          </a:lstStyle>
          <a:p>
            <a:r>
              <a:rPr lang="en-US" dirty="0"/>
              <a:t>Click to add title</a:t>
            </a:r>
            <a:endParaRPr lang="en-US" dirty="0"/>
          </a:p>
        </p:txBody>
      </p:sp>
      <p:sp>
        <p:nvSpPr>
          <p:cNvPr id="11" name="Text Placeholder 4"/>
          <p:cNvSpPr>
            <a:spLocks noGrp="1"/>
          </p:cNvSpPr>
          <p:nvPr>
            <p:ph type="body" sz="quarter" idx="13" hasCustomPrompt="1"/>
          </p:nvPr>
        </p:nvSpPr>
        <p:spPr>
          <a:xfrm>
            <a:off x="360000" y="3654000"/>
            <a:ext cx="5647100" cy="2094338"/>
          </a:xfrm>
        </p:spPr>
        <p:txBody>
          <a:bodyPr/>
          <a:lstStyle>
            <a:lvl1pPr marL="0" indent="0">
              <a:lnSpc>
                <a:spcPct val="105000"/>
              </a:lnSpc>
              <a:buNone/>
              <a:defRPr sz="2200">
                <a:solidFill>
                  <a:schemeClr val="tx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dirty="0"/>
          </a:p>
        </p:txBody>
      </p:sp>
      <p:sp>
        <p:nvSpPr>
          <p:cNvPr id="15" name="Legal dynamic" descr="{&quot;templafy&quot;:{&quot;id&quot;:&quot;52750233-d173-4dfc-8a02-b492a3d30c82&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6" name="Internal Stamp dynamic" descr="{&quot;templafy&quot;:{&quot;id&quot;:&quot;4415377e-a1a3-42a6-a25d-a3a9bcd840c7&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379538047" name="Dynamic logo hypermint" descr="{&quot;templafy&quot;:{&quot;id&quot;:&quot;84d95576-b6b8-4221-9b4c-27c8481b419d&quot;}}"/>
          <p:cNvPicPr>
            <a:picLocks noChangeAspect="1"/>
          </p:cNvPicPr>
          <p:nvPr/>
        </p:nvPicPr>
        <p:blipFill>
          <a:blip r:embed="rId2"/>
          <a:stretch>
            <a:fillRect/>
          </a:stretch>
        </p:blipFill>
        <p:spPr>
          <a:xfrm>
            <a:off x="346677" y="5882400"/>
            <a:ext cx="2145600" cy="756000"/>
          </a:xfrm>
          <a:prstGeom prst="rect">
            <a:avLst/>
          </a:prstGeom>
        </p:spPr>
      </p:pic>
      <p:sp>
        <p:nvSpPr>
          <p:cNvPr id="8" name="Slide Number Placeholder 7"/>
          <p:cNvSpPr>
            <a:spLocks noGrp="1"/>
          </p:cNvSpPr>
          <p:nvPr>
            <p:ph type="sldNum" sz="quarter" idx="15"/>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3" name="Date Placeholder 2"/>
          <p:cNvSpPr>
            <a:spLocks noGrp="1"/>
          </p:cNvSpPr>
          <p:nvPr>
            <p:ph type="dt" sz="half" idx="16"/>
          </p:nvPr>
        </p:nvSpPr>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 Cover and Image">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5882400"/>
          </a:xfrm>
          <a:prstGeom prst="rect">
            <a:avLst/>
          </a:pr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4" name="Picture Placeholder 6"/>
          <p:cNvSpPr>
            <a:spLocks noGrp="1"/>
          </p:cNvSpPr>
          <p:nvPr>
            <p:ph type="pic" sz="quarter" idx="16"/>
          </p:nvPr>
        </p:nvSpPr>
        <p:spPr>
          <a:xfrm>
            <a:off x="5690403" y="2"/>
            <a:ext cx="6501219" cy="5882398"/>
          </a:xfrm>
          <a:custGeom>
            <a:avLst/>
            <a:gdLst>
              <a:gd name="connsiteX0" fmla="*/ 4452578 w 6501219"/>
              <a:gd name="connsiteY0" fmla="*/ 0 h 5882398"/>
              <a:gd name="connsiteX1" fmla="*/ 6501219 w 6501219"/>
              <a:gd name="connsiteY1" fmla="*/ 0 h 5882398"/>
              <a:gd name="connsiteX2" fmla="*/ 6501219 w 6501219"/>
              <a:gd name="connsiteY2" fmla="*/ 5882398 h 5882398"/>
              <a:gd name="connsiteX3" fmla="*/ 0 w 6501219"/>
              <a:gd name="connsiteY3" fmla="*/ 5882398 h 5882398"/>
              <a:gd name="connsiteX4" fmla="*/ 0 w 6501219"/>
              <a:gd name="connsiteY4" fmla="*/ 4449965 h 5882398"/>
              <a:gd name="connsiteX5" fmla="*/ 3693 w 6501219"/>
              <a:gd name="connsiteY5" fmla="*/ 4376844 h 5882398"/>
              <a:gd name="connsiteX6" fmla="*/ 742025 w 6501219"/>
              <a:gd name="connsiteY6" fmla="*/ 3710572 h 5882398"/>
              <a:gd name="connsiteX7" fmla="*/ 3153904 w 6501219"/>
              <a:gd name="connsiteY7" fmla="*/ 3710572 h 5882398"/>
              <a:gd name="connsiteX8" fmla="*/ 3710432 w 6501219"/>
              <a:gd name="connsiteY8" fmla="*/ 3154043 h 5882398"/>
              <a:gd name="connsiteX9" fmla="*/ 3710432 w 6501219"/>
              <a:gd name="connsiteY9" fmla="*/ 742164 h 5882398"/>
              <a:gd name="connsiteX10" fmla="*/ 4376726 w 6501219"/>
              <a:gd name="connsiteY10" fmla="*/ 3830 h 58823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501219" h="5882398">
                <a:moveTo>
                  <a:pt x="4452578" y="0"/>
                </a:moveTo>
                <a:lnTo>
                  <a:pt x="6501219" y="0"/>
                </a:lnTo>
                <a:lnTo>
                  <a:pt x="6501219" y="5882398"/>
                </a:lnTo>
                <a:lnTo>
                  <a:pt x="0" y="5882398"/>
                </a:lnTo>
                <a:lnTo>
                  <a:pt x="0" y="4449965"/>
                </a:lnTo>
                <a:lnTo>
                  <a:pt x="3693" y="4376844"/>
                </a:lnTo>
                <a:cubicBezTo>
                  <a:pt x="41705" y="4002555"/>
                  <a:pt x="357813" y="3710572"/>
                  <a:pt x="742025" y="3710572"/>
                </a:cubicBezTo>
                <a:lnTo>
                  <a:pt x="3153904" y="3710572"/>
                </a:lnTo>
                <a:cubicBezTo>
                  <a:pt x="3461178" y="3710572"/>
                  <a:pt x="3710432" y="3461444"/>
                  <a:pt x="3710432" y="3154043"/>
                </a:cubicBezTo>
                <a:lnTo>
                  <a:pt x="3710432" y="742164"/>
                </a:lnTo>
                <a:cubicBezTo>
                  <a:pt x="3710432" y="357833"/>
                  <a:pt x="4002528" y="41829"/>
                  <a:pt x="4376726" y="3830"/>
                </a:cubicBezTo>
                <a:close/>
              </a:path>
            </a:pathLst>
          </a:custGeom>
          <a:solidFill>
            <a:schemeClr val="bg1">
              <a:lumMod val="85000"/>
            </a:schemeClr>
          </a:solidFill>
        </p:spPr>
        <p:txBody>
          <a:bodyPr wrap="square" lIns="3060000" anchor="ctr" anchorCtr="0">
            <a:noAutofit/>
          </a:bodyPr>
          <a:lstStyle>
            <a:lvl1pPr marL="0" indent="0" algn="ctr">
              <a:buNone/>
              <a:defRPr>
                <a:solidFill>
                  <a:schemeClr val="tx1"/>
                </a:solidFill>
              </a:defRPr>
            </a:lvl1pPr>
          </a:lstStyle>
          <a:p>
            <a:r>
              <a:rPr lang="en-US" dirty="0"/>
              <a:t>Click icon to add picture</a:t>
            </a:r>
            <a:endParaRPr lang="en-US" dirty="0"/>
          </a:p>
        </p:txBody>
      </p:sp>
      <p:sp>
        <p:nvSpPr>
          <p:cNvPr id="2" name="Title 1"/>
          <p:cNvSpPr>
            <a:spLocks noGrp="1"/>
          </p:cNvSpPr>
          <p:nvPr>
            <p:ph type="ctrTitle" hasCustomPrompt="1"/>
          </p:nvPr>
        </p:nvSpPr>
        <p:spPr>
          <a:xfrm>
            <a:off x="360000" y="1454400"/>
            <a:ext cx="4856400" cy="1820862"/>
          </a:xfrm>
          <a:noFill/>
        </p:spPr>
        <p:txBody>
          <a:bodyPr anchor="b" anchorCtr="0"/>
          <a:lstStyle>
            <a:lvl1pPr algn="l">
              <a:lnSpc>
                <a:spcPct val="85000"/>
              </a:lnSpc>
              <a:defRPr sz="6000" b="0">
                <a:solidFill>
                  <a:srgbClr val="035C67"/>
                </a:solidFill>
              </a:defRPr>
            </a:lvl1pPr>
          </a:lstStyle>
          <a:p>
            <a:r>
              <a:rPr lang="en-US" dirty="0"/>
              <a:t>Click to add title</a:t>
            </a:r>
            <a:endParaRPr lang="en-US" dirty="0"/>
          </a:p>
        </p:txBody>
      </p:sp>
      <p:sp>
        <p:nvSpPr>
          <p:cNvPr id="11" name="Text Placeholder 4"/>
          <p:cNvSpPr>
            <a:spLocks noGrp="1"/>
          </p:cNvSpPr>
          <p:nvPr>
            <p:ph type="body" sz="quarter" idx="13" hasCustomPrompt="1"/>
          </p:nvPr>
        </p:nvSpPr>
        <p:spPr>
          <a:xfrm>
            <a:off x="360000" y="3654000"/>
            <a:ext cx="4856400" cy="2094338"/>
          </a:xfrm>
        </p:spPr>
        <p:txBody>
          <a:bodyPr/>
          <a:lstStyle>
            <a:lvl1pPr marL="0" indent="0">
              <a:lnSpc>
                <a:spcPct val="105000"/>
              </a:lnSpc>
              <a:buNone/>
              <a:defRPr sz="2200">
                <a:solidFill>
                  <a:srgbClr val="002F3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dirty="0"/>
          </a:p>
        </p:txBody>
      </p:sp>
      <p:sp>
        <p:nvSpPr>
          <p:cNvPr id="12" name="Slide Number Placeholder 11"/>
          <p:cNvSpPr>
            <a:spLocks noGrp="1"/>
          </p:cNvSpPr>
          <p:nvPr>
            <p:ph type="sldNum" sz="quarter" idx="15"/>
          </p:nvPr>
        </p:nvSpPr>
        <p:spPr/>
        <p:txBody>
          <a:bodyPr/>
          <a:lstStyle/>
          <a:p>
            <a:fld id="{23AA811B-2EBD-4900-905E-5BE206449611}" type="slidenum">
              <a:rPr lang="en-US" smtClean="0"/>
            </a:fld>
            <a:endParaRPr lang="en-US" dirty="0"/>
          </a:p>
        </p:txBody>
      </p:sp>
      <p:sp>
        <p:nvSpPr>
          <p:cNvPr id="3" name="Date Placeholder 2"/>
          <p:cNvSpPr>
            <a:spLocks noGrp="1"/>
          </p:cNvSpPr>
          <p:nvPr>
            <p:ph type="dt" sz="half" idx="17"/>
          </p:nvPr>
        </p:nvSpPr>
        <p:spPr/>
        <p:txBody>
          <a:bodyPr/>
          <a:lstStyle/>
          <a:p>
            <a:fld id="{B118041E-2DAD-480C-AEE4-E661A097CFE4}" type="datetime1">
              <a:rPr lang="en-US" smtClean="0"/>
            </a:fld>
            <a:endParaRPr lang="en-US" dirty="0"/>
          </a:p>
        </p:txBody>
      </p:sp>
    </p:spTree>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 Agenda">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Title 3"/>
          <p:cNvSpPr>
            <a:spLocks noGrp="1"/>
          </p:cNvSpPr>
          <p:nvPr>
            <p:ph type="title" hasCustomPrompt="1"/>
          </p:nvPr>
        </p:nvSpPr>
        <p:spPr>
          <a:xfrm>
            <a:off x="360000" y="2203200"/>
            <a:ext cx="3704000" cy="3545138"/>
          </a:xfrm>
        </p:spPr>
        <p:txBody>
          <a:bodyPr/>
          <a:lstStyle>
            <a:lvl1pPr>
              <a:defRPr sz="4400" b="0">
                <a:solidFill>
                  <a:srgbClr val="035C67"/>
                </a:solidFill>
              </a:defRPr>
            </a:lvl1pPr>
          </a:lstStyle>
          <a:p>
            <a:r>
              <a:rPr lang="en-US" dirty="0"/>
              <a:t>Click to add Agenda title</a:t>
            </a:r>
            <a:endParaRPr lang="en-US" dirty="0"/>
          </a:p>
        </p:txBody>
      </p:sp>
      <p:sp>
        <p:nvSpPr>
          <p:cNvPr id="5" name="Text Placeholder 4"/>
          <p:cNvSpPr>
            <a:spLocks noGrp="1"/>
          </p:cNvSpPr>
          <p:nvPr>
            <p:ph type="body" sz="quarter" idx="17" hasCustomPrompt="1"/>
          </p:nvPr>
        </p:nvSpPr>
        <p:spPr>
          <a:xfrm>
            <a:off x="5214938" y="2366128"/>
            <a:ext cx="4673600" cy="3382209"/>
          </a:xfrm>
        </p:spPr>
        <p:txBody>
          <a:bodyPr tIns="0" anchor="t" anchorCtr="0"/>
          <a:lstStyle>
            <a:lvl1pPr marL="0" indent="0">
              <a:lnSpc>
                <a:spcPct val="100000"/>
              </a:lnSpc>
              <a:spcBef>
                <a:spcPts val="600"/>
              </a:spcBef>
              <a:spcAft>
                <a:spcPts val="0"/>
              </a:spcAft>
              <a:buFont typeface="Arial" panose="020B0604020202020204" pitchFamily="34" charset="0"/>
              <a:buChar char="​"/>
              <a:defRPr sz="2000">
                <a:solidFill>
                  <a:srgbClr val="002F32"/>
                </a:solidFill>
                <a:latin typeface="+mn-lt"/>
              </a:defRPr>
            </a:lvl1pPr>
            <a:lvl2pPr marL="0" indent="0">
              <a:lnSpc>
                <a:spcPct val="100000"/>
              </a:lnSpc>
              <a:spcBef>
                <a:spcPts val="600"/>
              </a:spcBef>
              <a:spcAft>
                <a:spcPts val="0"/>
              </a:spcAft>
              <a:buFont typeface="Arial" panose="020B0604020202020204" pitchFamily="34" charset="0"/>
              <a:buChar char="​"/>
              <a:defRPr sz="2000">
                <a:solidFill>
                  <a:srgbClr val="002F32"/>
                </a:solidFill>
                <a:latin typeface="+mn-lt"/>
              </a:defRPr>
            </a:lvl2pPr>
            <a:lvl3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3pPr>
            <a:lvl4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4pPr>
            <a:lvl5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5pPr>
            <a:lvl6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6pPr>
            <a:lvl7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7pPr>
            <a:lvl8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8pPr>
            <a:lvl9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9pPr>
          </a:lstStyle>
          <a:p>
            <a:pPr lvl="0"/>
            <a:r>
              <a:rPr lang="en-US" dirty="0"/>
              <a:t>Click to add agenda poin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a:p>
            <a:pPr lvl="5"/>
            <a:r>
              <a:rPr lang="en-US" dirty="0"/>
              <a:t>6</a:t>
            </a:r>
            <a:endParaRPr lang="en-US" dirty="0"/>
          </a:p>
          <a:p>
            <a:pPr lvl="6"/>
            <a:r>
              <a:rPr lang="en-US" dirty="0"/>
              <a:t>7</a:t>
            </a:r>
            <a:endParaRPr lang="en-US" dirty="0"/>
          </a:p>
          <a:p>
            <a:pPr lvl="7"/>
            <a:r>
              <a:rPr lang="en-US" dirty="0"/>
              <a:t>8</a:t>
            </a:r>
            <a:endParaRPr lang="en-US" dirty="0"/>
          </a:p>
          <a:p>
            <a:pPr lvl="8"/>
            <a:r>
              <a:rPr lang="en-US" dirty="0"/>
              <a:t>9</a:t>
            </a:r>
            <a:endParaRPr lang="en-US" dirty="0"/>
          </a:p>
        </p:txBody>
      </p:sp>
      <p:sp>
        <p:nvSpPr>
          <p:cNvPr id="16" name="Legal dynamic" descr="{&quot;templafy&quot;:{&quot;id&quot;:&quot;35938e70-c2f0-435c-8bda-80b112d114ef&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7" name="Internal Stamp dynamic" descr="{&quot;templafy&quot;:{&quot;id&quot;:&quot;983ffde3-462f-456c-87af-2362e4459fad&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993753092" name="Dynamic logo dark mint" descr="{&quot;templafy&quot;:{&quot;id&quot;:&quot;dc5988bb-145b-4881-bf8a-51e7917a6045&quot;}}"/>
          <p:cNvPicPr>
            <a:picLocks noChangeAspect="1"/>
          </p:cNvPicPr>
          <p:nvPr/>
        </p:nvPicPr>
        <p:blipFill>
          <a:blip r:embed="rId2"/>
          <a:stretch>
            <a:fillRect/>
          </a:stretch>
        </p:blipFill>
        <p:spPr>
          <a:xfrm>
            <a:off x="346677" y="5882400"/>
            <a:ext cx="2145600" cy="756000"/>
          </a:xfrm>
          <a:prstGeom prst="rect">
            <a:avLst/>
          </a:prstGeom>
        </p:spPr>
      </p:pic>
      <p:sp>
        <p:nvSpPr>
          <p:cNvPr id="6" name="Slide Number Placeholder 5"/>
          <p:cNvSpPr>
            <a:spLocks noGrp="1"/>
          </p:cNvSpPr>
          <p:nvPr>
            <p:ph type="sldNum" sz="quarter" idx="19"/>
          </p:nvPr>
        </p:nvSpPr>
        <p:spPr/>
        <p:txBody>
          <a:bodyPr/>
          <a:lstStyle/>
          <a:p>
            <a:fld id="{23AA811B-2EBD-4900-905E-5BE206449611}" type="slidenum">
              <a:rPr lang="en-US" smtClean="0"/>
            </a:fld>
            <a:endParaRPr lang="en-US" dirty="0"/>
          </a:p>
        </p:txBody>
      </p:sp>
      <p:sp>
        <p:nvSpPr>
          <p:cNvPr id="7" name="Date Placeholder 6"/>
          <p:cNvSpPr>
            <a:spLocks noGrp="1"/>
          </p:cNvSpPr>
          <p:nvPr>
            <p:ph type="dt" sz="half" idx="20"/>
          </p:nvPr>
        </p:nvSpPr>
        <p:spPr/>
        <p:txBody>
          <a:bodyPr/>
          <a:lstStyle/>
          <a:p>
            <a:fld id="{B118041E-2DAD-480C-AEE4-E661A097CFE4}" type="datetime1">
              <a:rPr lang="en-US" smtClean="0"/>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 Agenda">
    <p:bg>
      <p:bgPr>
        <a:solidFill>
          <a:schemeClr val="accent3"/>
        </a:solidFill>
        <a:effectLst/>
      </p:bgPr>
    </p:bg>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Title 3"/>
          <p:cNvSpPr>
            <a:spLocks noGrp="1"/>
          </p:cNvSpPr>
          <p:nvPr>
            <p:ph type="title" hasCustomPrompt="1"/>
          </p:nvPr>
        </p:nvSpPr>
        <p:spPr>
          <a:xfrm>
            <a:off x="360000" y="2203200"/>
            <a:ext cx="3704000" cy="3545138"/>
          </a:xfrm>
        </p:spPr>
        <p:txBody>
          <a:bodyPr/>
          <a:lstStyle>
            <a:lvl1pPr>
              <a:defRPr sz="4400" b="0">
                <a:solidFill>
                  <a:srgbClr val="3EFFC0"/>
                </a:solidFill>
              </a:defRPr>
            </a:lvl1pPr>
          </a:lstStyle>
          <a:p>
            <a:r>
              <a:rPr lang="en-US" dirty="0"/>
              <a:t>Click to add Agenda title</a:t>
            </a:r>
            <a:endParaRPr lang="en-US" dirty="0"/>
          </a:p>
        </p:txBody>
      </p:sp>
      <p:sp>
        <p:nvSpPr>
          <p:cNvPr id="12" name="Text Placeholder 4"/>
          <p:cNvSpPr>
            <a:spLocks noGrp="1"/>
          </p:cNvSpPr>
          <p:nvPr>
            <p:ph type="body" sz="quarter" idx="17" hasCustomPrompt="1"/>
          </p:nvPr>
        </p:nvSpPr>
        <p:spPr>
          <a:xfrm>
            <a:off x="5214938" y="2366128"/>
            <a:ext cx="4673600" cy="3382209"/>
          </a:xfrm>
        </p:spPr>
        <p:txBody>
          <a:bodyPr tIns="0" anchor="t" anchorCtr="0"/>
          <a:lstStyle>
            <a:lvl1pPr marL="0" indent="0">
              <a:lnSpc>
                <a:spcPct val="100000"/>
              </a:lnSpc>
              <a:spcBef>
                <a:spcPts val="600"/>
              </a:spcBef>
              <a:spcAft>
                <a:spcPts val="0"/>
              </a:spcAft>
              <a:buFont typeface="Arial" panose="020B0604020202020204" pitchFamily="34" charset="0"/>
              <a:buChar char="​"/>
              <a:defRPr sz="2000">
                <a:solidFill>
                  <a:schemeClr val="tx2"/>
                </a:solidFill>
                <a:latin typeface="+mn-lt"/>
              </a:defRPr>
            </a:lvl1pPr>
            <a:lvl2pPr marL="0" indent="0">
              <a:lnSpc>
                <a:spcPct val="100000"/>
              </a:lnSpc>
              <a:spcBef>
                <a:spcPts val="600"/>
              </a:spcBef>
              <a:spcAft>
                <a:spcPts val="0"/>
              </a:spcAft>
              <a:buFont typeface="Arial" panose="020B0604020202020204" pitchFamily="34" charset="0"/>
              <a:buChar char="​"/>
              <a:defRPr sz="2000">
                <a:solidFill>
                  <a:schemeClr val="tx2"/>
                </a:solidFill>
                <a:latin typeface="+mn-lt"/>
              </a:defRPr>
            </a:lvl2pPr>
            <a:lvl3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3pPr>
            <a:lvl4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4pPr>
            <a:lvl5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5pPr>
            <a:lvl6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6pPr>
            <a:lvl7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7pPr>
            <a:lvl8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8pPr>
            <a:lvl9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9pPr>
          </a:lstStyle>
          <a:p>
            <a:pPr lvl="0"/>
            <a:r>
              <a:rPr lang="en-US" dirty="0"/>
              <a:t>Click to add agenda poin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a:p>
            <a:pPr lvl="5"/>
            <a:r>
              <a:rPr lang="en-US" dirty="0"/>
              <a:t>6</a:t>
            </a:r>
            <a:endParaRPr lang="en-US" dirty="0"/>
          </a:p>
          <a:p>
            <a:pPr lvl="6"/>
            <a:r>
              <a:rPr lang="en-US" dirty="0"/>
              <a:t>7</a:t>
            </a:r>
            <a:endParaRPr lang="en-US" dirty="0"/>
          </a:p>
          <a:p>
            <a:pPr lvl="7"/>
            <a:r>
              <a:rPr lang="en-US" dirty="0"/>
              <a:t>8</a:t>
            </a:r>
            <a:endParaRPr lang="en-US" dirty="0"/>
          </a:p>
          <a:p>
            <a:pPr lvl="8"/>
            <a:r>
              <a:rPr lang="en-US" dirty="0"/>
              <a:t>9</a:t>
            </a:r>
            <a:endParaRPr lang="en-US" dirty="0"/>
          </a:p>
        </p:txBody>
      </p:sp>
      <p:sp>
        <p:nvSpPr>
          <p:cNvPr id="11" name="Slide Number Placeholder 10"/>
          <p:cNvSpPr>
            <a:spLocks noGrp="1"/>
          </p:cNvSpPr>
          <p:nvPr>
            <p:ph type="sldNum" sz="quarter" idx="19"/>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2" name="Legal dynamic" descr="{&quot;templafy&quot;:{&quot;id&quot;:&quot;7c7db90f-8f99-459c-b351-51d5db3e9cab&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6" name="Internal Stamp dynamic" descr="{&quot;templafy&quot;:{&quot;id&quot;:&quot;75c236db-a566-4676-abc4-e62cf5650732&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570300909" name="Dynamic logo hypermint" descr="{&quot;templafy&quot;:{&quot;id&quot;:&quot;51037dcb-53e0-442a-9eef-5dc39a30bae3&quot;}}"/>
          <p:cNvPicPr>
            <a:picLocks noChangeAspect="1"/>
          </p:cNvPicPr>
          <p:nvPr/>
        </p:nvPicPr>
        <p:blipFill>
          <a:blip r:embed="rId2"/>
          <a:stretch>
            <a:fillRect/>
          </a:stretch>
        </p:blipFill>
        <p:spPr>
          <a:xfrm>
            <a:off x="346677" y="5882400"/>
            <a:ext cx="2145600" cy="756000"/>
          </a:xfrm>
          <a:prstGeom prst="rect">
            <a:avLst/>
          </a:prstGeom>
        </p:spPr>
      </p:pic>
      <p:sp>
        <p:nvSpPr>
          <p:cNvPr id="5" name="Date Placeholder 4"/>
          <p:cNvSpPr>
            <a:spLocks noGrp="1"/>
          </p:cNvSpPr>
          <p:nvPr>
            <p:ph type="dt" sz="half" idx="20"/>
          </p:nvPr>
        </p:nvSpPr>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C. Agenda">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5" name="Cross"/>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6" name="Title 3"/>
          <p:cNvSpPr>
            <a:spLocks noGrp="1"/>
          </p:cNvSpPr>
          <p:nvPr>
            <p:ph type="title" hasCustomPrompt="1"/>
          </p:nvPr>
        </p:nvSpPr>
        <p:spPr>
          <a:xfrm>
            <a:off x="360000" y="2203200"/>
            <a:ext cx="3704000" cy="3545138"/>
          </a:xfrm>
        </p:spPr>
        <p:txBody>
          <a:bodyPr/>
          <a:lstStyle>
            <a:lvl1pPr>
              <a:defRPr sz="4400" b="0">
                <a:solidFill>
                  <a:srgbClr val="035C67"/>
                </a:solidFill>
              </a:defRPr>
            </a:lvl1pPr>
          </a:lstStyle>
          <a:p>
            <a:r>
              <a:rPr lang="en-US" dirty="0"/>
              <a:t>Click to add Agenda title</a:t>
            </a:r>
            <a:endParaRPr lang="en-US" dirty="0"/>
          </a:p>
        </p:txBody>
      </p:sp>
      <p:sp>
        <p:nvSpPr>
          <p:cNvPr id="10" name="Text Placeholder 4"/>
          <p:cNvSpPr>
            <a:spLocks noGrp="1"/>
          </p:cNvSpPr>
          <p:nvPr>
            <p:ph type="body" sz="quarter" idx="17" hasCustomPrompt="1"/>
          </p:nvPr>
        </p:nvSpPr>
        <p:spPr>
          <a:xfrm>
            <a:off x="5214938" y="2366128"/>
            <a:ext cx="4673600" cy="3382209"/>
          </a:xfrm>
        </p:spPr>
        <p:txBody>
          <a:bodyPr tIns="0" anchor="t" anchorCtr="0"/>
          <a:lstStyle>
            <a:lvl1pPr marL="0" indent="0">
              <a:lnSpc>
                <a:spcPct val="100000"/>
              </a:lnSpc>
              <a:spcBef>
                <a:spcPts val="600"/>
              </a:spcBef>
              <a:spcAft>
                <a:spcPts val="0"/>
              </a:spcAft>
              <a:buFont typeface="Arial" panose="020B0604020202020204" pitchFamily="34" charset="0"/>
              <a:buChar char="​"/>
              <a:defRPr sz="2000">
                <a:solidFill>
                  <a:srgbClr val="002F32"/>
                </a:solidFill>
                <a:latin typeface="+mn-lt"/>
              </a:defRPr>
            </a:lvl1pPr>
            <a:lvl2pPr marL="0" indent="0">
              <a:lnSpc>
                <a:spcPct val="100000"/>
              </a:lnSpc>
              <a:spcBef>
                <a:spcPts val="600"/>
              </a:spcBef>
              <a:spcAft>
                <a:spcPts val="0"/>
              </a:spcAft>
              <a:buFont typeface="Arial" panose="020B0604020202020204" pitchFamily="34" charset="0"/>
              <a:buChar char="​"/>
              <a:defRPr sz="2000">
                <a:solidFill>
                  <a:srgbClr val="002F32"/>
                </a:solidFill>
                <a:latin typeface="+mn-lt"/>
              </a:defRPr>
            </a:lvl2pPr>
            <a:lvl3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3pPr>
            <a:lvl4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4pPr>
            <a:lvl5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5pPr>
            <a:lvl6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6pPr>
            <a:lvl7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7pPr>
            <a:lvl8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8pPr>
            <a:lvl9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9pPr>
          </a:lstStyle>
          <a:p>
            <a:pPr lvl="0"/>
            <a:r>
              <a:rPr lang="en-US" dirty="0"/>
              <a:t>Click to add agenda poin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a:p>
            <a:pPr lvl="5"/>
            <a:r>
              <a:rPr lang="en-US" dirty="0"/>
              <a:t>6</a:t>
            </a:r>
            <a:endParaRPr lang="en-US" dirty="0"/>
          </a:p>
          <a:p>
            <a:pPr lvl="6"/>
            <a:r>
              <a:rPr lang="en-US" dirty="0"/>
              <a:t>7</a:t>
            </a:r>
            <a:endParaRPr lang="en-US" dirty="0"/>
          </a:p>
          <a:p>
            <a:pPr lvl="7"/>
            <a:r>
              <a:rPr lang="en-US" dirty="0"/>
              <a:t>8</a:t>
            </a:r>
            <a:endParaRPr lang="en-US" dirty="0"/>
          </a:p>
          <a:p>
            <a:pPr lvl="8"/>
            <a:r>
              <a:rPr lang="en-US" dirty="0"/>
              <a:t>9</a:t>
            </a:r>
            <a:endParaRPr lang="en-US" dirty="0"/>
          </a:p>
        </p:txBody>
      </p:sp>
      <p:sp>
        <p:nvSpPr>
          <p:cNvPr id="16" name="Legal dynamic" descr="{&quot;templafy&quot;:{&quot;id&quot;:&quot;1949edd1-5499-4c7a-85f8-90f78afcd04b&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7" name="Internal Stamp dynamic" descr="{&quot;templafy&quot;:{&quot;id&quot;:&quot;56e86777-6393-42f9-8b0e-909fd5b91227&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917682346" name="Dynamic logo dark mint" descr="{&quot;templafy&quot;:{&quot;id&quot;:&quot;88256264-0fcb-49ec-bff1-498e45566af2&quot;}}"/>
          <p:cNvPicPr>
            <a:picLocks noChangeAspect="1"/>
          </p:cNvPicPr>
          <p:nvPr/>
        </p:nvPicPr>
        <p:blipFill>
          <a:blip r:embed="rId4"/>
          <a:stretch>
            <a:fillRect/>
          </a:stretch>
        </p:blipFill>
        <p:spPr>
          <a:xfrm>
            <a:off x="346677" y="5882400"/>
            <a:ext cx="2145600" cy="756000"/>
          </a:xfrm>
          <a:prstGeom prst="rect">
            <a:avLst/>
          </a:prstGeom>
        </p:spPr>
      </p:pic>
      <p:sp>
        <p:nvSpPr>
          <p:cNvPr id="11" name="Slide Number Placeholder 10"/>
          <p:cNvSpPr>
            <a:spLocks noGrp="1"/>
          </p:cNvSpPr>
          <p:nvPr>
            <p:ph type="sldNum" sz="quarter" idx="19"/>
          </p:nvPr>
        </p:nvSpPr>
        <p:spPr/>
        <p:txBody>
          <a:bodyPr/>
          <a:lstStyle>
            <a:lvl1pPr>
              <a:defRPr>
                <a:solidFill>
                  <a:srgbClr val="035C67"/>
                </a:solidFill>
              </a:defRPr>
            </a:lvl1pPr>
          </a:lstStyle>
          <a:p>
            <a:fld id="{23AA811B-2EBD-4900-905E-5BE206449611}" type="slidenum">
              <a:rPr lang="en-US" smtClean="0"/>
            </a:fld>
            <a:endParaRPr lang="en-US" dirty="0"/>
          </a:p>
        </p:txBody>
      </p:sp>
      <p:sp>
        <p:nvSpPr>
          <p:cNvPr id="2" name="Date Placeholder 1"/>
          <p:cNvSpPr>
            <a:spLocks noGrp="1"/>
          </p:cNvSpPr>
          <p:nvPr>
            <p:ph type="dt" sz="half" idx="20"/>
          </p:nvPr>
        </p:nvSpPr>
        <p:spPr/>
        <p:txBody>
          <a:bodyPr/>
          <a:lstStyle/>
          <a:p>
            <a:fld id="{B118041E-2DAD-480C-AEE4-E661A097CFE4}" type="datetime1">
              <a:rPr lang="en-US" smtClean="0"/>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 Agenda">
    <p:bg>
      <p:bgPr>
        <a:solidFill>
          <a:schemeClr val="accent3"/>
        </a:solidFill>
        <a:effectLst/>
      </p:bgPr>
    </p:bg>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4" name="Cross"/>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10" name="Title 3"/>
          <p:cNvSpPr>
            <a:spLocks noGrp="1"/>
          </p:cNvSpPr>
          <p:nvPr>
            <p:ph type="title" hasCustomPrompt="1"/>
          </p:nvPr>
        </p:nvSpPr>
        <p:spPr>
          <a:xfrm>
            <a:off x="360000" y="2203200"/>
            <a:ext cx="3704000" cy="3545138"/>
          </a:xfrm>
        </p:spPr>
        <p:txBody>
          <a:bodyPr/>
          <a:lstStyle>
            <a:lvl1pPr>
              <a:defRPr sz="4400" b="0">
                <a:solidFill>
                  <a:srgbClr val="3EFFC0"/>
                </a:solidFill>
              </a:defRPr>
            </a:lvl1pPr>
          </a:lstStyle>
          <a:p>
            <a:r>
              <a:rPr lang="en-US" dirty="0"/>
              <a:t>Click to add Agenda title</a:t>
            </a:r>
            <a:endParaRPr lang="en-US" dirty="0"/>
          </a:p>
        </p:txBody>
      </p:sp>
      <p:sp>
        <p:nvSpPr>
          <p:cNvPr id="12" name="Text Placeholder 4"/>
          <p:cNvSpPr>
            <a:spLocks noGrp="1"/>
          </p:cNvSpPr>
          <p:nvPr>
            <p:ph type="body" sz="quarter" idx="17" hasCustomPrompt="1"/>
          </p:nvPr>
        </p:nvSpPr>
        <p:spPr>
          <a:xfrm>
            <a:off x="5214938" y="2366128"/>
            <a:ext cx="4673600" cy="3382209"/>
          </a:xfrm>
        </p:spPr>
        <p:txBody>
          <a:bodyPr tIns="0" anchor="t" anchorCtr="0"/>
          <a:lstStyle>
            <a:lvl1pPr marL="0" indent="0">
              <a:lnSpc>
                <a:spcPct val="100000"/>
              </a:lnSpc>
              <a:spcBef>
                <a:spcPts val="600"/>
              </a:spcBef>
              <a:spcAft>
                <a:spcPts val="0"/>
              </a:spcAft>
              <a:buFont typeface="Arial" panose="020B0604020202020204" pitchFamily="34" charset="0"/>
              <a:buChar char="​"/>
              <a:defRPr sz="2000">
                <a:solidFill>
                  <a:schemeClr val="tx2"/>
                </a:solidFill>
                <a:latin typeface="+mn-lt"/>
              </a:defRPr>
            </a:lvl1pPr>
            <a:lvl2pPr marL="0" indent="0">
              <a:lnSpc>
                <a:spcPct val="100000"/>
              </a:lnSpc>
              <a:spcBef>
                <a:spcPts val="600"/>
              </a:spcBef>
              <a:spcAft>
                <a:spcPts val="0"/>
              </a:spcAft>
              <a:buFont typeface="Arial" panose="020B0604020202020204" pitchFamily="34" charset="0"/>
              <a:buChar char="​"/>
              <a:defRPr sz="2000">
                <a:solidFill>
                  <a:schemeClr val="tx2"/>
                </a:solidFill>
                <a:latin typeface="+mn-lt"/>
              </a:defRPr>
            </a:lvl2pPr>
            <a:lvl3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3pPr>
            <a:lvl4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4pPr>
            <a:lvl5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5pPr>
            <a:lvl6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6pPr>
            <a:lvl7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7pPr>
            <a:lvl8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8pPr>
            <a:lvl9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9pPr>
          </a:lstStyle>
          <a:p>
            <a:pPr lvl="0"/>
            <a:r>
              <a:rPr lang="en-US" dirty="0"/>
              <a:t>Click to add agenda poin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a:p>
            <a:pPr lvl="5"/>
            <a:r>
              <a:rPr lang="en-US" dirty="0"/>
              <a:t>6</a:t>
            </a:r>
            <a:endParaRPr lang="en-US" dirty="0"/>
          </a:p>
          <a:p>
            <a:pPr lvl="6"/>
            <a:r>
              <a:rPr lang="en-US" dirty="0"/>
              <a:t>7</a:t>
            </a:r>
            <a:endParaRPr lang="en-US" dirty="0"/>
          </a:p>
          <a:p>
            <a:pPr lvl="7"/>
            <a:r>
              <a:rPr lang="en-US" dirty="0"/>
              <a:t>8</a:t>
            </a:r>
            <a:endParaRPr lang="en-US" dirty="0"/>
          </a:p>
          <a:p>
            <a:pPr lvl="8"/>
            <a:r>
              <a:rPr lang="en-US" dirty="0"/>
              <a:t>9</a:t>
            </a:r>
            <a:endParaRPr lang="en-US" dirty="0"/>
          </a:p>
        </p:txBody>
      </p:sp>
      <p:sp>
        <p:nvSpPr>
          <p:cNvPr id="2" name="Legal dynamic" descr="{&quot;templafy&quot;:{&quot;id&quot;:&quot;35c0a4b1-351d-49ad-aabc-7d7aa7c80817&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6" name="Internal Stamp dynamic" descr="{&quot;templafy&quot;:{&quot;id&quot;:&quot;433cbb76-3c55-41cf-b747-34865c0acf3e&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993094962" name="Dynamic logo hypermint" descr="{&quot;templafy&quot;:{&quot;id&quot;:&quot;e161aa61-e055-405f-8260-99530e93a7b2&quot;}}"/>
          <p:cNvPicPr>
            <a:picLocks noChangeAspect="1"/>
          </p:cNvPicPr>
          <p:nvPr/>
        </p:nvPicPr>
        <p:blipFill>
          <a:blip r:embed="rId4"/>
          <a:stretch>
            <a:fillRect/>
          </a:stretch>
        </p:blipFill>
        <p:spPr>
          <a:xfrm>
            <a:off x="346677" y="5882400"/>
            <a:ext cx="2145600" cy="756000"/>
          </a:xfrm>
          <a:prstGeom prst="rect">
            <a:avLst/>
          </a:prstGeom>
        </p:spPr>
      </p:pic>
      <p:sp>
        <p:nvSpPr>
          <p:cNvPr id="11" name="Slide Number Placeholder 10"/>
          <p:cNvSpPr>
            <a:spLocks noGrp="1"/>
          </p:cNvSpPr>
          <p:nvPr>
            <p:ph type="sldNum" sz="quarter" idx="19"/>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5" name="Date Placeholder 4"/>
          <p:cNvSpPr>
            <a:spLocks noGrp="1"/>
          </p:cNvSpPr>
          <p:nvPr>
            <p:ph type="dt" sz="half" idx="20"/>
          </p:nvPr>
        </p:nvSpPr>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25" name="Group 24"/>
          <p:cNvGrpSpPr>
            <a:grpSpLocks noGrp="1" noRot="1" noMove="1" noResize="1" noUngrp="1"/>
          </p:cNvGrpSpPr>
          <p:nvPr userDrawn="1"/>
        </p:nvGrpSpPr>
        <p:grpSpPr>
          <a:xfrm>
            <a:off x="6234988" y="0"/>
            <a:ext cx="5957012" cy="6097377"/>
            <a:chOff x="6234988" y="0"/>
            <a:chExt cx="5957012" cy="6097377"/>
          </a:xfrm>
        </p:grpSpPr>
        <p:sp>
          <p:nvSpPr>
            <p:cNvPr id="15" name="Freeform: Shape 14"/>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solidFill>
              <a:srgbClr val="3EFFC0"/>
            </a:solidFill>
            <a:ln w="0" cap="flat">
              <a:noFill/>
              <a:prstDash val="solid"/>
              <a:miter/>
            </a:ln>
          </p:spPr>
          <p:txBody>
            <a:bodyPr rtlCol="0" anchor="ctr"/>
            <a:lstStyle/>
            <a:p>
              <a:endParaRPr lang="en-US" dirty="0"/>
            </a:p>
          </p:txBody>
        </p:sp>
        <p:sp>
          <p:nvSpPr>
            <p:cNvPr id="20" name="Freeform: Shape 19"/>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solidFill>
              <a:srgbClr val="3EFFC0"/>
            </a:solidFill>
            <a:ln w="0" cap="flat">
              <a:noFill/>
              <a:prstDash val="solid"/>
              <a:miter/>
            </a:ln>
          </p:spPr>
          <p:txBody>
            <a:bodyPr rtlCol="0" anchor="ctr"/>
            <a:lstStyle/>
            <a:p>
              <a:endParaRPr lang="en-US" dirty="0"/>
            </a:p>
          </p:txBody>
        </p:sp>
        <p:sp>
          <p:nvSpPr>
            <p:cNvPr id="22" name="Freeform: Shape 21"/>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solidFill>
              <a:srgbClr val="3EFFC0"/>
            </a:solidFill>
            <a:ln w="0" cap="flat">
              <a:noFill/>
              <a:prstDash val="solid"/>
              <a:miter/>
            </a:ln>
          </p:spPr>
          <p:txBody>
            <a:bodyPr rtlCol="0" anchor="ctr"/>
            <a:lstStyle/>
            <a:p>
              <a:endParaRPr lang="en-US" dirty="0"/>
            </a:p>
          </p:txBody>
        </p:sp>
        <p:sp>
          <p:nvSpPr>
            <p:cNvPr id="24" name="Freeform: Shape 23"/>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solidFill>
              <a:srgbClr val="3EFFC0"/>
            </a:solid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0" name="Slide Number Placeholder 9"/>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16" name="Legal dynamic" descr="{&quot;templafy&quot;:{&quot;id&quot;:&quot;71e366c5-a2c7-492c-9a64-18d6ff016c3c&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8" name="Internal Stamp dynamic" descr="{&quot;templafy&quot;:{&quot;id&quot;:&quot;46a4dd83-26dd-45e3-a312-c03cb451a421&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645039708" name="Dynamic logo hypermint" descr="{&quot;templafy&quot;:{&quot;id&quot;:&quot;2ddb497a-75e2-485d-9607-2681ec0ef52e&quot;}}"/>
          <p:cNvPicPr>
            <a:picLocks noChangeAspect="1"/>
          </p:cNvPicPr>
          <p:nvPr/>
        </p:nvPicPr>
        <p:blipFill>
          <a:blip r:embed="rId2"/>
          <a:stretch>
            <a:fillRect/>
          </a:stretch>
        </p:blipFill>
        <p:spPr>
          <a:xfrm>
            <a:off x="346677" y="5882400"/>
            <a:ext cx="2145600" cy="756000"/>
          </a:xfrm>
          <a:prstGeom prst="rect">
            <a:avLst/>
          </a:prstGeom>
        </p:spPr>
      </p:pic>
      <p:sp>
        <p:nvSpPr>
          <p:cNvPr id="3" name="Date Placeholder 2"/>
          <p:cNvSpPr>
            <a:spLocks noGrp="1"/>
          </p:cNvSpPr>
          <p:nvPr>
            <p:ph type="dt" sz="half" idx="13"/>
          </p:nvPr>
        </p:nvSpPr>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1.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3" name="Group 2"/>
          <p:cNvGrpSpPr>
            <a:grpSpLocks noGrp="1" noRot="1" noMove="1" noResize="1" noUngrp="1"/>
          </p:cNvGrpSpPr>
          <p:nvPr userDrawn="1"/>
        </p:nvGrpSpPr>
        <p:grpSpPr>
          <a:xfrm>
            <a:off x="6234988" y="0"/>
            <a:ext cx="5957012" cy="6097377"/>
            <a:chOff x="6234988" y="0"/>
            <a:chExt cx="5957012" cy="6097377"/>
          </a:xfrm>
          <a:solidFill>
            <a:srgbClr val="DAFA87"/>
          </a:solidFill>
        </p:grpSpPr>
        <p:sp>
          <p:nvSpPr>
            <p:cNvPr id="4" name="Freeform: Shape 3"/>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5" name="Freeform: Shape 4"/>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6" name="Freeform: Shape 5"/>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9" name="Freeform: Shape 8"/>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6" name="Legal dynamic" descr="{&quot;templafy&quot;:{&quot;id&quot;:&quot;0ed6013b-5bcb-45ec-83c9-4e0aa4f19dbb&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8" name="Internal Stamp dynamic" descr="{&quot;templafy&quot;:{&quot;id&quot;:&quot;fe3497fc-390b-4f4f-bdec-63e9d699efe2&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817821226" name="Dynamic logo hypermint" descr="{&quot;templafy&quot;:{&quot;id&quot;:&quot;72c74186-cad6-43f0-8352-c8ac97081576&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11" name="Date Placeholder 2"/>
          <p:cNvSpPr>
            <a:spLocks noGrp="1"/>
          </p:cNvSpPr>
          <p:nvPr>
            <p:ph type="dt" sz="half" idx="13"/>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A2.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p:cNvGrpSpPr>
            <a:grpSpLocks noGrp="1" noRot="1" noMove="1" noResize="1" noUngrp="1"/>
          </p:cNvGrpSpPr>
          <p:nvPr userDrawn="1"/>
        </p:nvGrpSpPr>
        <p:grpSpPr>
          <a:xfrm>
            <a:off x="6234988" y="0"/>
            <a:ext cx="5957012" cy="6097377"/>
            <a:chOff x="6234988" y="0"/>
            <a:chExt cx="5957012" cy="6097377"/>
          </a:xfrm>
          <a:solidFill>
            <a:srgbClr val="90B9FF"/>
          </a:solidFill>
        </p:grpSpPr>
        <p:sp>
          <p:nvSpPr>
            <p:cNvPr id="5" name="Freeform: Shape 4"/>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6" name="Freeform: Shape 5"/>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9" name="Freeform: Shape 8"/>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1" name="Freeform: Shape 10"/>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6" name="Legal dynamic" descr="{&quot;templafy&quot;:{&quot;id&quot;:&quot;6de82fa2-a9c6-4d7c-b0d5-fe1963fb1196&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8" name="Internal Stamp dynamic" descr="{&quot;templafy&quot;:{&quot;id&quot;:&quot;c6a1aa5e-b661-47fb-9dd9-79182a847325&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225695694" name="Dynamic logo hypermint" descr="{&quot;templafy&quot;:{&quot;id&quot;:&quot;ab7e95ae-4993-4cb7-bc51-604720d2a915&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12" name="Date Placeholder 2"/>
          <p:cNvSpPr>
            <a:spLocks noGrp="1"/>
          </p:cNvSpPr>
          <p:nvPr>
            <p:ph type="dt" sz="half" idx="13"/>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3.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p:cNvGrpSpPr>
            <a:grpSpLocks noGrp="1" noRot="1" noMove="1" noResize="1" noUngrp="1"/>
          </p:cNvGrpSpPr>
          <p:nvPr userDrawn="1"/>
        </p:nvGrpSpPr>
        <p:grpSpPr>
          <a:xfrm>
            <a:off x="6234988" y="0"/>
            <a:ext cx="5957012" cy="6097377"/>
            <a:chOff x="6234988" y="0"/>
            <a:chExt cx="5957012" cy="6097377"/>
          </a:xfrm>
          <a:solidFill>
            <a:srgbClr val="E88789"/>
          </a:solidFill>
        </p:grpSpPr>
        <p:sp>
          <p:nvSpPr>
            <p:cNvPr id="5" name="Freeform: Shape 4"/>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6" name="Freeform: Shape 5"/>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9" name="Freeform: Shape 8"/>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1" name="Freeform: Shape 10"/>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6" name="Legal dynamic" descr="{&quot;templafy&quot;:{&quot;id&quot;:&quot;8db7de98-78c4-4050-8393-89d1d1902bcc&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8" name="Internal Stamp dynamic" descr="{&quot;templafy&quot;:{&quot;id&quot;:&quot;ad442222-b566-40e9-b33f-1871a77d4ea0&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547556377" name="Dynamic logo hypermint" descr="{&quot;templafy&quot;:{&quot;id&quot;:&quot;eb9f4ae3-05e3-4c58-9dce-fe1545352841&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12" name="Date Placeholder 2"/>
          <p:cNvSpPr>
            <a:spLocks noGrp="1"/>
          </p:cNvSpPr>
          <p:nvPr>
            <p:ph type="dt" sz="half" idx="13"/>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A4.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3" name="Group 2"/>
          <p:cNvGrpSpPr>
            <a:grpSpLocks noGrp="1" noRot="1" noMove="1" noResize="1" noUngrp="1"/>
          </p:cNvGrpSpPr>
          <p:nvPr userDrawn="1"/>
        </p:nvGrpSpPr>
        <p:grpSpPr>
          <a:xfrm>
            <a:off x="6234988" y="0"/>
            <a:ext cx="5957012" cy="6097377"/>
            <a:chOff x="6234988" y="0"/>
            <a:chExt cx="5957012" cy="6097377"/>
          </a:xfrm>
          <a:gradFill>
            <a:gsLst>
              <a:gs pos="0">
                <a:srgbClr val="90B9FF"/>
              </a:gs>
              <a:gs pos="96000">
                <a:schemeClr val="accent1"/>
              </a:gs>
            </a:gsLst>
            <a:path path="circle">
              <a:fillToRect r="100000" b="100000"/>
            </a:path>
          </a:gradFill>
        </p:grpSpPr>
        <p:sp>
          <p:nvSpPr>
            <p:cNvPr id="12" name="Freeform: Shape 11"/>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13" name="Freeform: Shape 12"/>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4" name="Freeform: Shape 13"/>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5" name="Freeform: Shape 14"/>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6" name="Legal dynamic" descr="{&quot;templafy&quot;:{&quot;id&quot;:&quot;96727538-a60a-4e19-a865-c5c4b2957885&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8" name="Internal Stamp dynamic" descr="{&quot;templafy&quot;:{&quot;id&quot;:&quot;c39d7da7-8a8e-440d-8ede-7fc703186b31&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895732489" name="Dynamic logo hypermint" descr="{&quot;templafy&quot;:{&quot;id&quot;:&quot;291986ca-70d3-46d5-8c0c-d27c3f34ecd8&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4" name="Date Placeholder 2"/>
          <p:cNvSpPr>
            <a:spLocks noGrp="1"/>
          </p:cNvSpPr>
          <p:nvPr>
            <p:ph type="dt" sz="half" idx="13"/>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 Cover">
    <p:bg bwMode="ltGray">
      <p:bgRef idx="1001">
        <a:schemeClr val="bg1"/>
      </p:bgRef>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3" name="Group graphic"/>
          <p:cNvGrpSpPr>
            <a:grpSpLocks noGrp="1" noRot="1" noMove="1" noResize="1" noUngrp="1"/>
          </p:cNvGrpSpPr>
          <p:nvPr userDrawn="1"/>
        </p:nvGrpSpPr>
        <p:grpSpPr>
          <a:xfrm>
            <a:off x="6339596" y="0"/>
            <a:ext cx="5852404" cy="6858000"/>
            <a:chOff x="6396158" y="75416"/>
            <a:chExt cx="5852404" cy="6858000"/>
          </a:xfrm>
          <a:solidFill>
            <a:srgbClr val="008F83"/>
          </a:solidFill>
        </p:grpSpPr>
        <p:sp>
          <p:nvSpPr>
            <p:cNvPr id="8" name="Freeform 76"/>
            <p:cNvSpPr>
              <a:spLocks noGrp="1" noRot="1" noMove="1" noResize="1" noEditPoints="1" noAdjustHandles="1" noChangeArrowheads="1" noChangeShapeType="1"/>
            </p:cNvSpPr>
            <p:nvPr/>
          </p:nvSpPr>
          <p:spPr>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grpFill/>
            <a:ln w="0" cap="flat">
              <a:noFill/>
              <a:prstDash val="solid"/>
              <a:miter/>
            </a:ln>
          </p:spPr>
          <p:txBody>
            <a:bodyPr rtlCol="0" anchor="ctr"/>
            <a:lstStyle/>
            <a:p>
              <a:endParaRPr lang="en-US" dirty="0"/>
            </a:p>
          </p:txBody>
        </p:sp>
        <p:sp>
          <p:nvSpPr>
            <p:cNvPr id="12" name="Freeform 21"/>
            <p:cNvSpPr>
              <a:spLocks noGrp="1" noRot="1" noMove="1" noResize="1" noEditPoints="1" noAdjustHandles="1" noChangeArrowheads="1" noChangeShapeType="1"/>
            </p:cNvSpPr>
            <p:nvPr/>
          </p:nvSpPr>
          <p:spPr>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grpFill/>
            <a:ln w="0" cap="flat">
              <a:noFill/>
              <a:prstDash val="solid"/>
              <a:miter/>
            </a:ln>
          </p:spPr>
          <p:txBody>
            <a:bodyPr rtlCol="0" anchor="ctr"/>
            <a:lstStyle/>
            <a:p>
              <a:endParaRPr lang="en-US" dirty="0"/>
            </a:p>
          </p:txBody>
        </p:sp>
        <p:sp>
          <p:nvSpPr>
            <p:cNvPr id="14" name="Freeform 23"/>
            <p:cNvSpPr>
              <a:spLocks noGrp="1" noRot="1" noMove="1" noResize="1" noEditPoints="1" noAdjustHandles="1" noChangeArrowheads="1" noChangeShapeType="1"/>
            </p:cNvSpPr>
            <p:nvPr/>
          </p:nvSpPr>
          <p:spPr>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grpFill/>
            <a:ln w="0" cap="flat">
              <a:noFill/>
              <a:prstDash val="solid"/>
              <a:miter/>
            </a:ln>
          </p:spPr>
          <p:txBody>
            <a:bodyPr rtlCol="0" anchor="ctr"/>
            <a:lstStyle/>
            <a:p>
              <a:endParaRPr lang="en-US" dirty="0"/>
            </a:p>
          </p:txBody>
        </p:sp>
        <p:sp>
          <p:nvSpPr>
            <p:cNvPr id="15" name="Freeform 61"/>
            <p:cNvSpPr>
              <a:spLocks noGrp="1" noRot="1" noMove="1" noResize="1" noEditPoints="1" noAdjustHandles="1" noChangeArrowheads="1" noChangeShapeType="1"/>
            </p:cNvSpPr>
            <p:nvPr/>
          </p:nvSpPr>
          <p:spPr>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grpFill/>
            <a:ln w="0" cap="flat">
              <a:noFill/>
              <a:prstDash val="solid"/>
              <a:miter/>
            </a:ln>
          </p:spPr>
          <p:txBody>
            <a:bodyPr rtlCol="0" anchor="ctr"/>
            <a:lstStyle/>
            <a:p>
              <a:endParaRPr lang="en-US" dirty="0"/>
            </a:p>
          </p:txBody>
        </p:sp>
        <p:sp>
          <p:nvSpPr>
            <p:cNvPr id="16" name="Freeform 56"/>
            <p:cNvSpPr>
              <a:spLocks noGrp="1" noRot="1" noMove="1" noResize="1" noEditPoints="1" noAdjustHandles="1" noChangeArrowheads="1" noChangeShapeType="1"/>
            </p:cNvSpPr>
            <p:nvPr/>
          </p:nvSpPr>
          <p:spPr>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grpFill/>
            <a:ln w="0" cap="flat">
              <a:noFill/>
              <a:prstDash val="solid"/>
              <a:miter/>
            </a:ln>
          </p:spPr>
          <p:txBody>
            <a:bodyPr rtlCol="0" anchor="ctr"/>
            <a:lstStyle/>
            <a:p>
              <a:endParaRPr lang="en-US" dirty="0"/>
            </a:p>
          </p:txBody>
        </p:sp>
        <p:sp>
          <p:nvSpPr>
            <p:cNvPr id="17" name="Freeform 67"/>
            <p:cNvSpPr>
              <a:spLocks noGrp="1" noRot="1" noMove="1" noResize="1" noEditPoints="1" noAdjustHandles="1" noChangeArrowheads="1" noChangeShapeType="1"/>
            </p:cNvSpPr>
            <p:nvPr userDrawn="1"/>
          </p:nvSpPr>
          <p:spPr>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8" name="Freeform 65"/>
            <p:cNvSpPr>
              <a:spLocks noGrp="1" noRot="1" noMove="1" noResize="1" noEditPoints="1" noAdjustHandles="1" noChangeArrowheads="1" noChangeShapeType="1"/>
            </p:cNvSpPr>
            <p:nvPr userDrawn="1"/>
          </p:nvSpPr>
          <p:spPr>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2" name="Title 1"/>
          <p:cNvSpPr>
            <a:spLocks noGrp="1"/>
          </p:cNvSpPr>
          <p:nvPr>
            <p:ph type="ctrTitle" hasCustomPrompt="1"/>
          </p:nvPr>
        </p:nvSpPr>
        <p:spPr>
          <a:xfrm>
            <a:off x="360000" y="1450800"/>
            <a:ext cx="5648400" cy="1820862"/>
          </a:xfrm>
          <a:noFill/>
        </p:spPr>
        <p:txBody>
          <a:bodyPr anchor="b" anchorCtr="0"/>
          <a:lstStyle>
            <a:lvl1pPr algn="l">
              <a:lnSpc>
                <a:spcPct val="85000"/>
              </a:lnSpc>
              <a:defRPr sz="6000" b="0">
                <a:solidFill>
                  <a:schemeClr val="accent3"/>
                </a:solidFill>
              </a:defRPr>
            </a:lvl1pPr>
          </a:lstStyle>
          <a:p>
            <a:r>
              <a:rPr lang="en-US" dirty="0"/>
              <a:t>Click to add title</a:t>
            </a:r>
            <a:endParaRPr lang="en-US" dirty="0"/>
          </a:p>
        </p:txBody>
      </p:sp>
      <p:sp>
        <p:nvSpPr>
          <p:cNvPr id="11" name="Text Placeholder 4"/>
          <p:cNvSpPr>
            <a:spLocks noGrp="1"/>
          </p:cNvSpPr>
          <p:nvPr>
            <p:ph type="body" sz="quarter" idx="13" hasCustomPrompt="1"/>
          </p:nvPr>
        </p:nvSpPr>
        <p:spPr>
          <a:xfrm>
            <a:off x="360000" y="3654000"/>
            <a:ext cx="5648400" cy="2094338"/>
          </a:xfrm>
        </p:spPr>
        <p:txBody>
          <a:bodyPr/>
          <a:lstStyle>
            <a:lvl1pPr marL="0" indent="0">
              <a:lnSpc>
                <a:spcPct val="105000"/>
              </a:lnSpc>
              <a:buNone/>
              <a:defRPr sz="2200">
                <a:solidFill>
                  <a:schemeClr val="accent4"/>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dirty="0"/>
          </a:p>
        </p:txBody>
      </p:sp>
      <p:sp>
        <p:nvSpPr>
          <p:cNvPr id="4" name="Legal dynamic" descr="{&quot;templafy&quot;:{&quot;id&quot;:&quot;dedebc29-15cb-492b-83fe-a995311bb123&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0" name="Internal Stamp dynamic" descr="{&quot;templafy&quot;:{&quot;id&quot;:&quot;976b11fe-51af-4b78-882e-6313eb91edf4&quot;}}" title="Form.Cigna_Confidentiality.Cigna_confidentiality"/>
          <p:cNvSpPr/>
          <p:nvPr userDrawn="1"/>
        </p:nvSpPr>
        <p:spPr>
          <a:xfrm>
            <a:off x="3277197"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154860896" name="Dynamic logo dark mint" descr="{&quot;templafy&quot;:{&quot;id&quot;:&quot;1826440f-27cb-4b12-8736-f4aefb8ec946&quot;}}"/>
          <p:cNvPicPr>
            <a:picLocks noChangeAspect="1"/>
          </p:cNvPicPr>
          <p:nvPr/>
        </p:nvPicPr>
        <p:blipFill>
          <a:blip r:embed="rId2"/>
          <a:stretch>
            <a:fillRect/>
          </a:stretch>
        </p:blipFill>
        <p:spPr>
          <a:xfrm>
            <a:off x="346677" y="5882400"/>
            <a:ext cx="2145600" cy="756000"/>
          </a:xfrm>
          <a:prstGeom prst="rect">
            <a:avLst/>
          </a:prstGeom>
        </p:spPr>
      </p:pic>
      <p:sp>
        <p:nvSpPr>
          <p:cNvPr id="22" name="Slide Number Placeholder 21"/>
          <p:cNvSpPr>
            <a:spLocks noGrp="1"/>
          </p:cNvSpPr>
          <p:nvPr>
            <p:ph type="sldNum" sz="quarter" idx="15"/>
          </p:nvPr>
        </p:nvSpPr>
        <p:spPr/>
        <p:txBody>
          <a:bodyPr/>
          <a:lstStyle/>
          <a:p>
            <a:fld id="{23AA811B-2EBD-4900-905E-5BE206449611}" type="slidenum">
              <a:rPr lang="en-US" smtClean="0"/>
            </a:fld>
            <a:endParaRPr lang="en-US" dirty="0"/>
          </a:p>
        </p:txBody>
      </p:sp>
      <p:sp>
        <p:nvSpPr>
          <p:cNvPr id="5" name="Date Placeholder 4"/>
          <p:cNvSpPr>
            <a:spLocks noGrp="1"/>
          </p:cNvSpPr>
          <p:nvPr>
            <p:ph type="dt" sz="half" idx="16"/>
          </p:nvPr>
        </p:nvSpPr>
        <p:spPr/>
        <p:txBody>
          <a:bodyPr/>
          <a:lstStyle/>
          <a:p>
            <a:fld id="{B118041E-2DAD-480C-AEE4-E661A097CFE4}" type="datetime1">
              <a:rPr lang="en-US" smtClean="0"/>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3" name="Group 2"/>
          <p:cNvGrpSpPr>
            <a:grpSpLocks noGrp="1" noRot="1" noMove="1" noResize="1" noUngrp="1"/>
          </p:cNvGrpSpPr>
          <p:nvPr userDrawn="1"/>
        </p:nvGrpSpPr>
        <p:grpSpPr>
          <a:xfrm>
            <a:off x="6234988" y="0"/>
            <a:ext cx="5957012" cy="6097377"/>
            <a:chOff x="6234988" y="0"/>
            <a:chExt cx="5957012" cy="6097377"/>
          </a:xfrm>
          <a:solidFill>
            <a:srgbClr val="008F83"/>
          </a:solidFill>
        </p:grpSpPr>
        <p:sp>
          <p:nvSpPr>
            <p:cNvPr id="4" name="Freeform: Shape 3"/>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5" name="Freeform: Shape 4"/>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9" name="Freeform: Shape 8"/>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1" name="Freeform: Shape 10"/>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2" name="Legal dynamic" descr="{&quot;templafy&quot;:{&quot;id&quot;:&quot;1b3a4698-e580-4382-a029-d5e6ffd21cb2&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3" name="Internal Stamp dynamic" descr="{&quot;templafy&quot;:{&quot;id&quot;:&quot;1e71d12f-1424-4a91-9dd1-c94898ae7f39&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415945300" name="Dynamic logo dark mint" descr="{&quot;templafy&quot;:{&quot;id&quot;:&quot;40fe62c8-e9dd-4f6b-be91-b9b466dd452e&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fld>
            <a:endParaRPr lang="en-US" dirty="0"/>
          </a:p>
        </p:txBody>
      </p:sp>
      <p:sp>
        <p:nvSpPr>
          <p:cNvPr id="6" name="Date Placeholder 5"/>
          <p:cNvSpPr>
            <a:spLocks noGrp="1"/>
          </p:cNvSpPr>
          <p:nvPr>
            <p:ph type="dt" sz="half" idx="13"/>
          </p:nvPr>
        </p:nvSpPr>
        <p:spPr/>
        <p:txBody>
          <a:bodyPr/>
          <a:lstStyle/>
          <a:p>
            <a:fld id="{B118041E-2DAD-480C-AEE4-E661A097CFE4}" type="datetime1">
              <a:rPr lang="en-US" smtClean="0"/>
            </a:fld>
            <a:endParaRPr lang="en-US" dirty="0"/>
          </a:p>
        </p:txBody>
      </p:sp>
    </p:spTree>
  </p:cSld>
  <p:clrMapOvr>
    <a:overrideClrMapping bg1="lt1" tx1="dk1" bg2="lt2" tx2="dk2" accent1="accent1" accent2="accent2" accent3="accent3" accent4="accent4" accent5="accent5" accent6="accent6" hlink="hlink" folHlink="folHlink"/>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1.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p:cNvGrpSpPr>
            <a:grpSpLocks noGrp="1" noRot="1" noMove="1" noResize="1" noUngrp="1"/>
          </p:cNvGrpSpPr>
          <p:nvPr userDrawn="1"/>
        </p:nvGrpSpPr>
        <p:grpSpPr>
          <a:xfrm>
            <a:off x="6234988" y="0"/>
            <a:ext cx="5957012" cy="6097377"/>
            <a:chOff x="6234988" y="0"/>
            <a:chExt cx="5957012" cy="6097377"/>
          </a:xfrm>
          <a:solidFill>
            <a:srgbClr val="035C67"/>
          </a:solidFill>
        </p:grpSpPr>
        <p:sp>
          <p:nvSpPr>
            <p:cNvPr id="5" name="Freeform: Shape 4"/>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9" name="Freeform: Shape 8"/>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1" name="Freeform: Shape 10"/>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4" name="Freeform: Shape 13"/>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2" name="Legal dynamic" descr="{&quot;templafy&quot;:{&quot;id&quot;:&quot;b69bceb8-8a59-4338-a8ac-57624ea047c5&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3" name="Internal Stamp dynamic" descr="{&quot;templafy&quot;:{&quot;id&quot;:&quot;f8da0ecb-d1f8-4975-a12b-d46896841a0c&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1911538256" name="Dynamic logo dark mint" descr="{&quot;templafy&quot;:{&quot;id&quot;:&quot;ae7c6611-ee87-4113-b526-622d2406b1ea&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fld>
            <a:endParaRPr lang="en-US" dirty="0"/>
          </a:p>
        </p:txBody>
      </p:sp>
      <p:sp>
        <p:nvSpPr>
          <p:cNvPr id="6"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overrideClrMapping bg1="lt1" tx1="dk1" bg2="lt2" tx2="dk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B2.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p:cNvGrpSpPr>
            <a:grpSpLocks noGrp="1" noRot="1" noMove="1" noResize="1" noUngrp="1"/>
          </p:cNvGrpSpPr>
          <p:nvPr userDrawn="1"/>
        </p:nvGrpSpPr>
        <p:grpSpPr>
          <a:xfrm>
            <a:off x="6234988" y="0"/>
            <a:ext cx="5957012" cy="6097377"/>
            <a:chOff x="6234988" y="0"/>
            <a:chExt cx="5957012" cy="6097377"/>
          </a:xfrm>
          <a:solidFill>
            <a:srgbClr val="90B9FF"/>
          </a:solidFill>
        </p:grpSpPr>
        <p:sp>
          <p:nvSpPr>
            <p:cNvPr id="5" name="Freeform: Shape 4"/>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9" name="Freeform: Shape 8"/>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1" name="Freeform: Shape 10"/>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4" name="Freeform: Shape 13"/>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2" name="Legal dynamic" descr="{&quot;templafy&quot;:{&quot;id&quot;:&quot;805b481d-b25f-4b91-90ea-b662a49d5e43&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3" name="Internal Stamp dynamic" descr="{&quot;templafy&quot;:{&quot;id&quot;:&quot;2b4e3913-4ebb-4646-a451-fe92a918fc8e&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2075978783" name="Dynamic logo dark mint" descr="{&quot;templafy&quot;:{&quot;id&quot;:&quot;4e2ad3b3-9e17-4340-ad6c-394c3a8137a1&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fld>
            <a:endParaRPr lang="en-US" dirty="0"/>
          </a:p>
        </p:txBody>
      </p:sp>
      <p:sp>
        <p:nvSpPr>
          <p:cNvPr id="6"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B3. Breaker">
    <p:bg>
      <p:bgPr>
        <a:solidFill>
          <a:schemeClr val="bg2"/>
        </a:solidFill>
        <a:effectLst/>
      </p:bgPr>
    </p:bg>
    <p:spTree>
      <p:nvGrpSpPr>
        <p:cNvPr id="1" name=""/>
        <p:cNvGrpSpPr/>
        <p:nvPr/>
      </p:nvGrpSpPr>
      <p:grpSpPr>
        <a:xfrm>
          <a:off x="0" y="0"/>
          <a:ext cx="0" cy="0"/>
          <a:chOff x="0" y="0"/>
          <a:chExt cx="0" cy="0"/>
        </a:xfrm>
      </p:grpSpPr>
      <p:sp>
        <p:nvSpPr>
          <p:cNvPr id="15"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p:cNvGrpSpPr>
            <a:grpSpLocks noGrp="1" noRot="1" noMove="1" noResize="1" noUngrp="1"/>
          </p:cNvGrpSpPr>
          <p:nvPr userDrawn="1"/>
        </p:nvGrpSpPr>
        <p:grpSpPr>
          <a:xfrm>
            <a:off x="6234988" y="0"/>
            <a:ext cx="5957012" cy="6097377"/>
            <a:chOff x="6234988" y="0"/>
            <a:chExt cx="5957012" cy="6097377"/>
          </a:xfrm>
          <a:solidFill>
            <a:srgbClr val="E88789"/>
          </a:solidFill>
        </p:grpSpPr>
        <p:sp>
          <p:nvSpPr>
            <p:cNvPr id="5" name="Freeform: Shape 4"/>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9" name="Freeform: Shape 8"/>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1" name="Freeform: Shape 10"/>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4" name="Freeform: Shape 13"/>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2" name="Legal dynamic" descr="{&quot;templafy&quot;:{&quot;id&quot;:&quot;d947c91a-1209-4606-b997-6bbe67f9b142&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3" name="Internal Stamp dynamic" descr="{&quot;templafy&quot;:{&quot;id&quot;:&quot;7e09a418-fd6f-434f-a467-5a34c020343f&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1187770134" name="Dynamic logo dark mint" descr="{&quot;templafy&quot;:{&quot;id&quot;:&quot;5b83a173-30e8-49d8-b0eb-debc289cb22f&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fld>
            <a:endParaRPr lang="en-US" dirty="0"/>
          </a:p>
        </p:txBody>
      </p:sp>
      <p:sp>
        <p:nvSpPr>
          <p:cNvPr id="6"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overrideClrMapping bg1="lt1" tx1="dk1" bg2="lt2" tx2="dk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B4.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6" name="Group 5"/>
          <p:cNvGrpSpPr>
            <a:grpSpLocks noGrp="1" noRot="1" noMove="1" noResize="1" noUngrp="1"/>
          </p:cNvGrpSpPr>
          <p:nvPr userDrawn="1"/>
        </p:nvGrpSpPr>
        <p:grpSpPr>
          <a:xfrm>
            <a:off x="6234988" y="0"/>
            <a:ext cx="5957012" cy="6097377"/>
            <a:chOff x="6234988" y="0"/>
            <a:chExt cx="5957012" cy="6097377"/>
          </a:xfrm>
          <a:gradFill>
            <a:gsLst>
              <a:gs pos="100000">
                <a:srgbClr val="035C67"/>
              </a:gs>
              <a:gs pos="0">
                <a:schemeClr val="accent1"/>
              </a:gs>
            </a:gsLst>
            <a:path path="circle">
              <a:fillToRect r="100000" b="100000"/>
            </a:path>
          </a:gradFill>
        </p:grpSpPr>
        <p:sp>
          <p:nvSpPr>
            <p:cNvPr id="14" name="Freeform: Shape 13"/>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15" name="Freeform: Shape 14"/>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6" name="Freeform: Shape 15"/>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8" name="Freeform: Shape 17"/>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2" name="Legal dynamic" descr="{&quot;templafy&quot;:{&quot;id&quot;:&quot;ba0d0813-f8c9-4f7b-9626-592e61a66e47&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3" name="Internal Stamp dynamic" descr="{&quot;templafy&quot;:{&quot;id&quot;:&quot;d80464ba-6e59-4778-bcad-60ba52aae8e6&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822570490" name="Dynamic logo dark mint" descr="{&quot;templafy&quot;:{&quot;id&quot;:&quot;baa6c3e9-7112-4dfb-9d62-823bc4f2fe79&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fld>
            <a:endParaRPr lang="en-US" dirty="0"/>
          </a:p>
        </p:txBody>
      </p:sp>
      <p:sp>
        <p:nvSpPr>
          <p:cNvPr id="3"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overrideClrMapping bg1="lt1" tx1="dk1" bg2="lt2" tx2="dk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A. Breaker two lines">
    <p:bg>
      <p:bgRef idx="1001">
        <a:schemeClr val="bg1"/>
      </p:bgRef>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6" name="Graphic cross"/>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2" name="Title 1"/>
          <p:cNvSpPr>
            <a:spLocks noGrp="1"/>
          </p:cNvSpPr>
          <p:nvPr>
            <p:ph type="ctrTitle" hasCustomPrompt="1"/>
          </p:nvPr>
        </p:nvSpPr>
        <p:spPr bwMode="white">
          <a:xfrm>
            <a:off x="1472400" y="2700000"/>
            <a:ext cx="9248400" cy="1461600"/>
          </a:xfrm>
          <a:noFill/>
        </p:spPr>
        <p:txBody>
          <a:bodyPr lIns="0" tIns="0" rIns="0" bIns="0" anchor="ctr" anchorCtr="0"/>
          <a:lstStyle>
            <a:lvl1pPr algn="ctr">
              <a:lnSpc>
                <a:spcPct val="82000"/>
              </a:lnSpc>
              <a:defRPr sz="5500" b="0" cap="none" baseline="0">
                <a:solidFill>
                  <a:srgbClr val="3EFFC0"/>
                </a:solidFill>
              </a:defRPr>
            </a:lvl1pPr>
          </a:lstStyle>
          <a:p>
            <a:r>
              <a:rPr lang="en-US" noProof="0" dirty="0"/>
              <a:t>Click to add title one or two lines</a:t>
            </a:r>
            <a:endParaRPr lang="en-US" dirty="0"/>
          </a:p>
        </p:txBody>
      </p:sp>
      <p:sp>
        <p:nvSpPr>
          <p:cNvPr id="4" name="Legal dynamic" descr="{&quot;templafy&quot;:{&quot;id&quot;:&quot;13ac69a3-7e3c-42c4-8ada-05add71b6dbe&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5" name="Internal Stamp dynamic" descr="{&quot;templafy&quot;:{&quot;id&quot;:&quot;8ca6660e-5912-4382-a055-563b87112124&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201042822" name="Dynamic logo hypermint" descr="{&quot;templafy&quot;:{&quot;id&quot;:&quot;06276356-8d51-40f2-9e56-25d38e4c49a3&quot;}}"/>
          <p:cNvPicPr>
            <a:picLocks noChangeAspect="1"/>
          </p:cNvPicPr>
          <p:nvPr/>
        </p:nvPicPr>
        <p:blipFill>
          <a:blip r:embed="rId4"/>
          <a:stretch>
            <a:fillRect/>
          </a:stretch>
        </p:blipFill>
        <p:spPr>
          <a:xfrm>
            <a:off x="346677" y="5882400"/>
            <a:ext cx="2145600" cy="756000"/>
          </a:xfrm>
          <a:prstGeom prst="rect">
            <a:avLst/>
          </a:prstGeom>
        </p:spPr>
      </p:pic>
      <p:sp>
        <p:nvSpPr>
          <p:cNvPr id="9" name="Slide Number Placeholder 8"/>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8" name="Date Placeholder 7"/>
          <p:cNvSpPr>
            <a:spLocks noGrp="1"/>
          </p:cNvSpPr>
          <p:nvPr>
            <p:ph type="dt" sz="half" idx="12"/>
          </p:nvPr>
        </p:nvSpPr>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 Breaker two lines">
    <p:bg>
      <p:bgRef idx="1001">
        <a:schemeClr val="bg1"/>
      </p:bgRef>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6" name="Graphic cross"/>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2" name="Title 1"/>
          <p:cNvSpPr>
            <a:spLocks noGrp="1"/>
          </p:cNvSpPr>
          <p:nvPr>
            <p:ph type="ctrTitle" hasCustomPrompt="1"/>
          </p:nvPr>
        </p:nvSpPr>
        <p:spPr bwMode="white">
          <a:xfrm>
            <a:off x="1472400" y="2700000"/>
            <a:ext cx="9248400" cy="1461600"/>
          </a:xfrm>
          <a:noFill/>
        </p:spPr>
        <p:txBody>
          <a:bodyPr lIns="0" tIns="0" rIns="0" bIns="0" anchor="ctr" anchorCtr="0"/>
          <a:lstStyle>
            <a:lvl1pPr algn="ctr">
              <a:lnSpc>
                <a:spcPct val="82000"/>
              </a:lnSpc>
              <a:defRPr sz="5500" b="0" cap="none" baseline="0">
                <a:solidFill>
                  <a:srgbClr val="035C67"/>
                </a:solidFill>
              </a:defRPr>
            </a:lvl1pPr>
          </a:lstStyle>
          <a:p>
            <a:r>
              <a:rPr lang="en-US" noProof="0" dirty="0"/>
              <a:t>Click to add title one or two lines</a:t>
            </a:r>
            <a:endParaRPr lang="en-US" dirty="0"/>
          </a:p>
        </p:txBody>
      </p:sp>
      <p:sp>
        <p:nvSpPr>
          <p:cNvPr id="4" name="Legal dynamic" descr="{&quot;templafy&quot;:{&quot;id&quot;:&quot;c39d8d2f-e1de-4c9e-be2c-f4c897cd83f6&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5" name="Internal Stamp dynamic" descr="{&quot;templafy&quot;:{&quot;id&quot;:&quot;c4896b34-03f3-4d66-bd61-2cc47a98f23d&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156851684" name="Dynamic logo dark mint" descr="{&quot;templafy&quot;:{&quot;id&quot;:&quot;2c79b5b1-0983-4b9e-9b1f-313f96b94b8a&quot;}}"/>
          <p:cNvPicPr>
            <a:picLocks noChangeAspect="1"/>
          </p:cNvPicPr>
          <p:nvPr/>
        </p:nvPicPr>
        <p:blipFill>
          <a:blip r:embed="rId4"/>
          <a:stretch>
            <a:fillRect/>
          </a:stretch>
        </p:blipFill>
        <p:spPr>
          <a:xfrm>
            <a:off x="346677" y="5882400"/>
            <a:ext cx="2145600" cy="756000"/>
          </a:xfrm>
          <a:prstGeom prst="rect">
            <a:avLst/>
          </a:prstGeom>
        </p:spPr>
      </p:pic>
      <p:sp>
        <p:nvSpPr>
          <p:cNvPr id="10" name="Slide Number Placeholder 9"/>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fld>
            <a:endParaRPr lang="en-US" dirty="0"/>
          </a:p>
        </p:txBody>
      </p:sp>
      <p:sp>
        <p:nvSpPr>
          <p:cNvPr id="3"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overrideClrMapping bg1="lt1" tx1="dk1" bg2="lt2" tx2="dk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 Breaker two lines">
    <p:bg>
      <p:bgRef idx="1001">
        <a:schemeClr val="bg1"/>
      </p:bgRef>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02F3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3" name="Graphic cross"/>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2" name="Title 1"/>
          <p:cNvSpPr>
            <a:spLocks noGrp="1"/>
          </p:cNvSpPr>
          <p:nvPr>
            <p:ph type="ctrTitle" hasCustomPrompt="1"/>
          </p:nvPr>
        </p:nvSpPr>
        <p:spPr bwMode="white">
          <a:xfrm>
            <a:off x="1472400" y="2700000"/>
            <a:ext cx="9248400" cy="1461600"/>
          </a:xfrm>
          <a:noFill/>
        </p:spPr>
        <p:txBody>
          <a:bodyPr lIns="0" tIns="0" rIns="0" bIns="0" anchor="ctr" anchorCtr="0"/>
          <a:lstStyle>
            <a:lvl1pPr algn="ctr">
              <a:lnSpc>
                <a:spcPct val="82000"/>
              </a:lnSpc>
              <a:defRPr sz="5500" b="0" cap="none" baseline="0">
                <a:solidFill>
                  <a:schemeClr val="tx2"/>
                </a:solidFill>
              </a:defRPr>
            </a:lvl1pPr>
          </a:lstStyle>
          <a:p>
            <a:r>
              <a:rPr lang="en-US" noProof="0" dirty="0"/>
              <a:t>Click to add title one or two lines</a:t>
            </a:r>
            <a:endParaRPr lang="en-US" dirty="0"/>
          </a:p>
        </p:txBody>
      </p:sp>
      <p:sp>
        <p:nvSpPr>
          <p:cNvPr id="6" name="Legal dynamic" descr="{&quot;templafy&quot;:{&quot;id&quot;:&quot;5384d20f-98f0-43df-b1d9-7f44e2b26e64&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2" name="Internal Stamp dynamic" descr="{&quot;templafy&quot;:{&quot;id&quot;:&quot;478d8c93-e9fb-4ea9-9d05-1151cdd977ea&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34083645" name="Dynamic logo hypermint" descr="{&quot;templafy&quot;:{&quot;id&quot;:&quot;4432daf2-2116-4b0f-93bb-3307f74035e9&quot;}}"/>
          <p:cNvPicPr>
            <a:picLocks noChangeAspect="1"/>
          </p:cNvPicPr>
          <p:nvPr/>
        </p:nvPicPr>
        <p:blipFill>
          <a:blip r:embed="rId4"/>
          <a:stretch>
            <a:fillRect/>
          </a:stretch>
        </p:blipFill>
        <p:spPr>
          <a:xfrm>
            <a:off x="346677" y="5882400"/>
            <a:ext cx="2145600" cy="756000"/>
          </a:xfrm>
          <a:prstGeom prst="rect">
            <a:avLst/>
          </a:prstGeom>
        </p:spPr>
      </p:pic>
      <p:sp>
        <p:nvSpPr>
          <p:cNvPr id="10" name="Slide Number Placeholder 9"/>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4" name="Date Placeholder 5"/>
          <p:cNvSpPr>
            <a:spLocks noGrp="1"/>
          </p:cNvSpPr>
          <p:nvPr>
            <p:ph type="dt" sz="half" idx="13"/>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A. Content">
    <p:spTree>
      <p:nvGrpSpPr>
        <p:cNvPr id="1" name=""/>
        <p:cNvGrpSpPr/>
        <p:nvPr/>
      </p:nvGrpSpPr>
      <p:grpSpPr>
        <a:xfrm>
          <a:off x="0" y="0"/>
          <a:ext cx="0" cy="0"/>
          <a:chOff x="0" y="0"/>
          <a:chExt cx="0" cy="0"/>
        </a:xfrm>
      </p:grpSpPr>
      <p:sp>
        <p:nvSpPr>
          <p:cNvPr id="6" name="Title 5"/>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60000" y="1706400"/>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4" name="Text Placeholder notes"/>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2"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A.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3211"/>
            <a:ext cx="7588800" cy="1166400"/>
          </a:xfrm>
        </p:spPr>
        <p:txBody>
          <a:bodyPr/>
          <a:lstStyle>
            <a:lvl1pPr>
              <a:defRPr>
                <a:solidFill>
                  <a:schemeClr val="accent3"/>
                </a:solidFill>
              </a:defRPr>
            </a:lvl1pPr>
          </a:lstStyle>
          <a:p>
            <a:r>
              <a:rPr lang="en-US" noProof="0" dirty="0"/>
              <a:t>Click to add title</a:t>
            </a:r>
            <a:endParaRPr lang="en-US" dirty="0"/>
          </a:p>
        </p:txBody>
      </p:sp>
      <p:sp>
        <p:nvSpPr>
          <p:cNvPr id="5" name="Text Placeholder eyebrow"/>
          <p:cNvSpPr>
            <a:spLocks noGrp="1"/>
          </p:cNvSpPr>
          <p:nvPr>
            <p:ph type="body" sz="quarter" idx="17" hasCustomPrompt="1"/>
          </p:nvPr>
        </p:nvSpPr>
        <p:spPr>
          <a:xfrm>
            <a:off x="360000" y="296574"/>
            <a:ext cx="7588800"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dirty="0"/>
          </a:p>
        </p:txBody>
      </p:sp>
      <p:sp>
        <p:nvSpPr>
          <p:cNvPr id="3" name="Content Placeholder 2"/>
          <p:cNvSpPr>
            <a:spLocks noGrp="1"/>
          </p:cNvSpPr>
          <p:nvPr>
            <p:ph idx="1" hasCustomPrompt="1"/>
          </p:nvPr>
        </p:nvSpPr>
        <p:spPr>
          <a:xfrm>
            <a:off x="360000" y="1706399"/>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4" name="Text Placeholder notes"/>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8" name="Slide Number Placeholder 7"/>
          <p:cNvSpPr>
            <a:spLocks noGrp="1"/>
          </p:cNvSpPr>
          <p:nvPr>
            <p:ph type="sldNum" sz="quarter" idx="19"/>
          </p:nvPr>
        </p:nvSpPr>
        <p:spPr/>
        <p:txBody>
          <a:bodyPr/>
          <a:lstStyle/>
          <a:p>
            <a:fld id="{23AA811B-2EBD-4900-905E-5BE206449611}" type="slidenum">
              <a:rPr lang="en-US" smtClean="0"/>
            </a:fld>
            <a:endParaRPr lang="en-US" dirty="0"/>
          </a:p>
        </p:txBody>
      </p:sp>
      <p:sp>
        <p:nvSpPr>
          <p:cNvPr id="4"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 Cover">
    <p:bg bwMode="ltGray">
      <p:bgPr>
        <a:solidFill>
          <a:schemeClr val="accent3"/>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5" name="Group 4"/>
          <p:cNvGrpSpPr>
            <a:grpSpLocks noGrp="1" noRot="1" noMove="1" noResize="1" noUngrp="1"/>
          </p:cNvGrpSpPr>
          <p:nvPr userDrawn="1"/>
        </p:nvGrpSpPr>
        <p:grpSpPr>
          <a:xfrm>
            <a:off x="7656945" y="3014"/>
            <a:ext cx="4535055" cy="6861600"/>
            <a:chOff x="7656945" y="3014"/>
            <a:chExt cx="4535055" cy="6858000"/>
          </a:xfrm>
          <a:blipFill dpi="0" rotWithShape="0">
            <a:blip r:embed="rId2"/>
            <a:srcRect/>
            <a:stretch>
              <a:fillRect l="-2000" t="-1000" r="-1000" b="-1000"/>
            </a:stretch>
          </a:blipFill>
        </p:grpSpPr>
        <p:sp>
          <p:nvSpPr>
            <p:cNvPr id="7" name="Freeform 24"/>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Freeform 34"/>
            <p:cNvSpPr>
              <a:spLocks noGrp="1" noRot="1" noMove="1" noResize="1" noEditPoints="1" noAdjustHandles="1" noChangeArrowheads="1" noChangeShapeType="1"/>
            </p:cNvSpPr>
            <p:nvPr userDrawn="1"/>
          </p:nvSpPr>
          <p:spPr>
            <a:xfrm>
              <a:off x="10494438"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2" name="Title 1"/>
          <p:cNvSpPr>
            <a:spLocks noGrp="1"/>
          </p:cNvSpPr>
          <p:nvPr>
            <p:ph type="ctrTitle" hasCustomPrompt="1"/>
          </p:nvPr>
        </p:nvSpPr>
        <p:spPr>
          <a:xfrm>
            <a:off x="360000" y="1454400"/>
            <a:ext cx="5647100" cy="1820862"/>
          </a:xfrm>
          <a:noFill/>
        </p:spPr>
        <p:txBody>
          <a:bodyPr anchor="b" anchorCtr="0"/>
          <a:lstStyle>
            <a:lvl1pPr algn="l">
              <a:lnSpc>
                <a:spcPct val="85000"/>
              </a:lnSpc>
              <a:defRPr sz="6000" b="0">
                <a:solidFill>
                  <a:srgbClr val="3EFFC0"/>
                </a:solidFill>
              </a:defRPr>
            </a:lvl1pPr>
          </a:lstStyle>
          <a:p>
            <a:r>
              <a:rPr lang="en-US" dirty="0"/>
              <a:t>Click to add title</a:t>
            </a:r>
            <a:endParaRPr lang="en-US" dirty="0"/>
          </a:p>
        </p:txBody>
      </p:sp>
      <p:sp>
        <p:nvSpPr>
          <p:cNvPr id="11" name="Text Placeholder 4"/>
          <p:cNvSpPr>
            <a:spLocks noGrp="1"/>
          </p:cNvSpPr>
          <p:nvPr>
            <p:ph type="body" sz="quarter" idx="13" hasCustomPrompt="1"/>
          </p:nvPr>
        </p:nvSpPr>
        <p:spPr>
          <a:xfrm>
            <a:off x="360000" y="3654000"/>
            <a:ext cx="5647100" cy="2094338"/>
          </a:xfrm>
        </p:spPr>
        <p:txBody>
          <a:bodyPr/>
          <a:lstStyle>
            <a:lvl1pPr marL="0" indent="0">
              <a:lnSpc>
                <a:spcPct val="105000"/>
              </a:lnSpc>
              <a:buNone/>
              <a:defRPr sz="2200">
                <a:solidFill>
                  <a:schemeClr val="tx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dirty="0"/>
          </a:p>
        </p:txBody>
      </p:sp>
      <p:sp>
        <p:nvSpPr>
          <p:cNvPr id="9" name="Legal dynamic" descr="{&quot;templafy&quot;:{&quot;id&quot;:&quot;0a199b68-9261-4acf-9781-b41fe8685a84&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2" name="Internal Stamp dynamic" descr="{&quot;templafy&quot;:{&quot;id&quot;:&quot;39455b37-2a3e-4991-b129-bded51ad15b9&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06710201" name="Dynamic logo hypermint" descr="{&quot;templafy&quot;:{&quot;id&quot;:&quot;063267f8-5797-47cd-be11-f02b549b8b33&quot;}}"/>
          <p:cNvPicPr>
            <a:picLocks noChangeAspect="1"/>
          </p:cNvPicPr>
          <p:nvPr/>
        </p:nvPicPr>
        <p:blipFill>
          <a:blip r:embed="rId3"/>
          <a:stretch>
            <a:fillRect/>
          </a:stretch>
        </p:blipFill>
        <p:spPr>
          <a:xfrm>
            <a:off x="346677" y="5882400"/>
            <a:ext cx="2145600" cy="756000"/>
          </a:xfrm>
          <a:prstGeom prst="rect">
            <a:avLst/>
          </a:prstGeom>
        </p:spPr>
      </p:pic>
      <p:sp>
        <p:nvSpPr>
          <p:cNvPr id="4" name="Slide Number Placeholder 3"/>
          <p:cNvSpPr>
            <a:spLocks noGrp="1"/>
          </p:cNvSpPr>
          <p:nvPr>
            <p:ph type="sldNum" sz="quarter" idx="15"/>
          </p:nvPr>
        </p:nvSpPr>
        <p:spPr/>
        <p:txBody>
          <a:bodyPr/>
          <a:lstStyle/>
          <a:p>
            <a:fld id="{23AA811B-2EBD-4900-905E-5BE206449611}" type="slidenum">
              <a:rPr lang="en-US" smtClean="0"/>
            </a:fld>
            <a:endParaRPr lang="en-US" dirty="0"/>
          </a:p>
        </p:txBody>
      </p:sp>
      <p:sp>
        <p:nvSpPr>
          <p:cNvPr id="10" name="Date Placeholder 9"/>
          <p:cNvSpPr>
            <a:spLocks noGrp="1"/>
          </p:cNvSpPr>
          <p:nvPr>
            <p:ph type="dt" sz="half" idx="16"/>
          </p:nvPr>
        </p:nvSpPr>
        <p:spPr/>
        <p:txBody>
          <a:body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B.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6186488" y="1706400"/>
            <a:ext cx="564515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8"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B.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dirty="0"/>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6186488"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8"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59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4243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8" name="Content Placeholder 3"/>
          <p:cNvSpPr>
            <a:spLocks noGrp="1"/>
          </p:cNvSpPr>
          <p:nvPr>
            <p:ph sz="half" idx="20" hasCustomPrompt="1"/>
          </p:nvPr>
        </p:nvSpPr>
        <p:spPr>
          <a:xfrm>
            <a:off x="8128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9"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C.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dirty="0"/>
          </a:p>
        </p:txBody>
      </p:sp>
      <p:sp>
        <p:nvSpPr>
          <p:cNvPr id="3" name="Content Placeholder 2"/>
          <p:cNvSpPr>
            <a:spLocks noGrp="1"/>
          </p:cNvSpPr>
          <p:nvPr>
            <p:ph idx="1" hasCustomPrompt="1"/>
          </p:nvPr>
        </p:nvSpPr>
        <p:spPr>
          <a:xfrm>
            <a:off x="360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42444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8" name="Content Placeholder 3"/>
          <p:cNvSpPr>
            <a:spLocks noGrp="1"/>
          </p:cNvSpPr>
          <p:nvPr>
            <p:ph sz="half" idx="20" hasCustomPrompt="1"/>
          </p:nvPr>
        </p:nvSpPr>
        <p:spPr>
          <a:xfrm>
            <a:off x="81288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9"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59999" y="1706400"/>
            <a:ext cx="2732451"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3273576"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8" name="Content Placeholder 3"/>
          <p:cNvSpPr>
            <a:spLocks noGrp="1"/>
          </p:cNvSpPr>
          <p:nvPr>
            <p:ph sz="half" idx="20" hasCustomPrompt="1"/>
          </p:nvPr>
        </p:nvSpPr>
        <p:spPr>
          <a:xfrm>
            <a:off x="6187102"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12" name="Content Placeholder 3"/>
          <p:cNvSpPr>
            <a:spLocks noGrp="1"/>
          </p:cNvSpPr>
          <p:nvPr>
            <p:ph sz="half" idx="21" hasCustomPrompt="1"/>
          </p:nvPr>
        </p:nvSpPr>
        <p:spPr>
          <a:xfrm>
            <a:off x="9100629"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9"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D.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dirty="0"/>
          </a:p>
        </p:txBody>
      </p:sp>
      <p:sp>
        <p:nvSpPr>
          <p:cNvPr id="3" name="Content Placeholder 2"/>
          <p:cNvSpPr>
            <a:spLocks noGrp="1"/>
          </p:cNvSpPr>
          <p:nvPr>
            <p:ph idx="1" hasCustomPrompt="1"/>
          </p:nvPr>
        </p:nvSpPr>
        <p:spPr>
          <a:xfrm>
            <a:off x="3600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32736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8" name="Content Placeholder 3"/>
          <p:cNvSpPr>
            <a:spLocks noGrp="1"/>
          </p:cNvSpPr>
          <p:nvPr>
            <p:ph sz="half" idx="20" hasCustomPrompt="1"/>
          </p:nvPr>
        </p:nvSpPr>
        <p:spPr>
          <a:xfrm>
            <a:off x="61872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9" name="Content Placeholder 3"/>
          <p:cNvSpPr>
            <a:spLocks noGrp="1"/>
          </p:cNvSpPr>
          <p:nvPr>
            <p:ph sz="half" idx="21" hasCustomPrompt="1"/>
          </p:nvPr>
        </p:nvSpPr>
        <p:spPr>
          <a:xfrm>
            <a:off x="91008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10"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E. Content">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2736000" y="6063916"/>
            <a:ext cx="1868400" cy="7940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16" name="Picture 15" descr="A person running outside with trees in the background&#10;&#10;Description automatically generated"/>
          <p:cNvPicPr>
            <a:picLocks noGrp="1" noRot="1" noChangeAspect="1" noMove="1" noResize="1" noEditPoints="1" noAdjustHandles="1" noChangeArrowheads="1" noChangeShapeType="1" noCrop="1"/>
          </p:cNvPicPr>
          <p:nvPr userDrawn="1"/>
        </p:nvPicPr>
        <p:blipFill rotWithShape="1">
          <a:blip r:embed="rId2">
            <a:extLst>
              <a:ext uri="{28A0092B-C50C-407E-A947-70E740481C1C}">
                <a14:useLocalDpi xmlns:a14="http://schemas.microsoft.com/office/drawing/2010/main" val="0"/>
              </a:ext>
            </a:extLst>
          </a:blip>
          <a:srcRect l="1513" t="2124" r="37351" b="16994"/>
          <a:stretch>
            <a:fillRect/>
          </a:stretch>
        </p:blipFill>
        <p:spPr>
          <a:xfrm>
            <a:off x="4394200" y="0"/>
            <a:ext cx="7798562" cy="6857873"/>
          </a:xfrm>
          <a:custGeom>
            <a:avLst/>
            <a:gdLst>
              <a:gd name="connsiteX0" fmla="*/ 4145915 w 7798562"/>
              <a:gd name="connsiteY0" fmla="*/ 0 h 6857873"/>
              <a:gd name="connsiteX1" fmla="*/ 7798562 w 7798562"/>
              <a:gd name="connsiteY1" fmla="*/ 0 h 6857873"/>
              <a:gd name="connsiteX2" fmla="*/ 7798562 w 7798562"/>
              <a:gd name="connsiteY2" fmla="*/ 6857873 h 6857873"/>
              <a:gd name="connsiteX3" fmla="*/ 21209 w 7798562"/>
              <a:gd name="connsiteY3" fmla="*/ 6857873 h 6857873"/>
              <a:gd name="connsiteX4" fmla="*/ 0 w 7798562"/>
              <a:gd name="connsiteY4" fmla="*/ 6672072 h 6857873"/>
              <a:gd name="connsiteX5" fmla="*/ 0 w 7798562"/>
              <a:gd name="connsiteY5" fmla="*/ 4185158 h 6857873"/>
              <a:gd name="connsiteX6" fmla="*/ 828929 w 7798562"/>
              <a:gd name="connsiteY6" fmla="*/ 3356229 h 6857873"/>
              <a:gd name="connsiteX7" fmla="*/ 3523234 w 7798562"/>
              <a:gd name="connsiteY7" fmla="*/ 3356229 h 6857873"/>
              <a:gd name="connsiteX8" fmla="*/ 4144899 w 7798562"/>
              <a:gd name="connsiteY8" fmla="*/ 2734564 h 6857873"/>
              <a:gd name="connsiteX9" fmla="*/ 4144899 w 7798562"/>
              <a:gd name="connsiteY9" fmla="*/ 40386 h 6857873"/>
              <a:gd name="connsiteX10" fmla="*/ 4145915 w 7798562"/>
              <a:gd name="connsiteY10" fmla="*/ 0 h 68578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798562" h="6857873">
                <a:moveTo>
                  <a:pt x="4145915" y="0"/>
                </a:moveTo>
                <a:lnTo>
                  <a:pt x="7798562" y="0"/>
                </a:lnTo>
                <a:lnTo>
                  <a:pt x="7798562" y="6857873"/>
                </a:lnTo>
                <a:lnTo>
                  <a:pt x="21209" y="6857873"/>
                </a:lnTo>
                <a:cubicBezTo>
                  <a:pt x="7493" y="6798183"/>
                  <a:pt x="0" y="6735953"/>
                  <a:pt x="0" y="6672072"/>
                </a:cubicBezTo>
                <a:lnTo>
                  <a:pt x="0" y="4185158"/>
                </a:lnTo>
                <a:cubicBezTo>
                  <a:pt x="0" y="3727323"/>
                  <a:pt x="371094" y="3356229"/>
                  <a:pt x="828929" y="3356229"/>
                </a:cubicBezTo>
                <a:lnTo>
                  <a:pt x="3523234" y="3356229"/>
                </a:lnTo>
                <a:cubicBezTo>
                  <a:pt x="3866515" y="3356229"/>
                  <a:pt x="4144899" y="3077972"/>
                  <a:pt x="4144899" y="2734564"/>
                </a:cubicBezTo>
                <a:lnTo>
                  <a:pt x="4144899" y="40386"/>
                </a:lnTo>
                <a:cubicBezTo>
                  <a:pt x="4144899" y="26797"/>
                  <a:pt x="4145280" y="13335"/>
                  <a:pt x="4145915" y="0"/>
                </a:cubicBezTo>
                <a:close/>
              </a:path>
            </a:pathLst>
          </a:custGeom>
        </p:spPr>
      </p:pic>
      <p:sp>
        <p:nvSpPr>
          <p:cNvPr id="6" name="Title 5"/>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60000" y="1706400"/>
            <a:ext cx="37040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4" name="Text Placeholder notes"/>
          <p:cNvSpPr>
            <a:spLocks noGrp="1"/>
          </p:cNvSpPr>
          <p:nvPr>
            <p:ph type="body" sz="quarter" idx="16" hasCustomPrompt="1"/>
          </p:nvPr>
        </p:nvSpPr>
        <p:spPr>
          <a:xfrm>
            <a:off x="360000" y="5749200"/>
            <a:ext cx="37040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11" name="Legal dynamic" descr="{&quot;templafy&quot;:{&quot;id&quot;:&quot;c63428f9-fde2-428f-aebf-7abc7d96a8a7&quot;}}" title="Form.Cigna_Confidentiality.EvernorthConfidentiality"/>
          <p:cNvSpPr/>
          <p:nvPr userDrawn="1"/>
        </p:nvSpPr>
        <p:spPr bwMode="white">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bg1"/>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bg1"/>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8" name="Internal Stamp dynamic" descr="{&quot;templafy&quot;:{&quot;id&quot;:&quot;5e5cd143-69fe-4a1b-b159-d9ae32510ae7&quot;}}" title="Form.Cigna_Confidentiality.Cigna_confidentiality"/>
          <p:cNvSpPr/>
          <p:nvPr userDrawn="1"/>
        </p:nvSpPr>
        <p:spPr>
          <a:xfrm>
            <a:off x="2844000" y="6216565"/>
            <a:ext cx="140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accent3"/>
              </a:solidFill>
              <a:effectLst/>
              <a:latin typeface="Arial Narrow" panose="020B0606020202030204" pitchFamily="34" charset="0"/>
              <a:ea typeface="+mn-ea"/>
              <a:cs typeface="+mn-cs"/>
            </a:endParaRPr>
          </a:p>
        </p:txBody>
      </p:sp>
      <p:sp>
        <p:nvSpPr>
          <p:cNvPr id="5" name="Slide Number Placeholder 4"/>
          <p:cNvSpPr>
            <a:spLocks noGrp="1"/>
          </p:cNvSpPr>
          <p:nvPr>
            <p:ph type="sldNum" sz="quarter" idx="18"/>
          </p:nvPr>
        </p:nvSpPr>
        <p:spPr bwMode="white"/>
        <p:txBody>
          <a:bodyPr/>
          <a:lstStyle>
            <a:lvl1pPr>
              <a:defRPr>
                <a:solidFill>
                  <a:schemeClr val="bg1"/>
                </a:solidFill>
              </a:defRPr>
            </a:lvl1pPr>
          </a:lstStyle>
          <a:p>
            <a:fld id="{23AA811B-2EBD-4900-905E-5BE206449611}" type="slidenum">
              <a:rPr lang="en-US" smtClean="0"/>
            </a:fld>
            <a:endParaRPr lang="en-US" dirty="0"/>
          </a:p>
        </p:txBody>
      </p:sp>
      <p:sp>
        <p:nvSpPr>
          <p:cNvPr id="2" name="Date Placeholder 5"/>
          <p:cNvSpPr>
            <a:spLocks noGrp="1"/>
          </p:cNvSpPr>
          <p:nvPr>
            <p:ph type="dt" sz="half" idx="13"/>
          </p:nvPr>
        </p:nvSpPr>
        <p:spPr>
          <a:xfrm>
            <a:off x="10630800" y="6364800"/>
            <a:ext cx="691200" cy="180000"/>
          </a:xfrm>
        </p:spPr>
        <p:txBody>
          <a:bodyPr/>
          <a:lstStyle>
            <a:lvl1pPr>
              <a:defRPr>
                <a:solidFill>
                  <a:schemeClr val="bg2"/>
                </a:solidFill>
              </a:defRPr>
            </a:lvl1pPr>
          </a:lstStyle>
          <a:p>
            <a:fld id="{B118041E-2DAD-480C-AEE4-E661A097CFE4}" type="datetime1">
              <a:rPr lang="en-US" smtClean="0"/>
            </a:fld>
            <a:endParaRPr lang="en-US" dirty="0"/>
          </a:p>
        </p:txBody>
      </p:sp>
    </p:spTree>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A. Content and Image">
    <p:spTree>
      <p:nvGrpSpPr>
        <p:cNvPr id="1" name=""/>
        <p:cNvGrpSpPr/>
        <p:nvPr/>
      </p:nvGrpSpPr>
      <p:grpSpPr>
        <a:xfrm>
          <a:off x="0" y="0"/>
          <a:ext cx="0" cy="0"/>
          <a:chOff x="0" y="0"/>
          <a:chExt cx="0" cy="0"/>
        </a:xfrm>
      </p:grpSpPr>
      <p:sp>
        <p:nvSpPr>
          <p:cNvPr id="7" name="Picture Placeholder 17"/>
          <p:cNvSpPr>
            <a:spLocks noGrp="1"/>
          </p:cNvSpPr>
          <p:nvPr>
            <p:ph type="pic" sz="quarter" idx="20"/>
          </p:nvPr>
        </p:nvSpPr>
        <p:spPr>
          <a:xfrm>
            <a:off x="8128000" y="1772816"/>
            <a:ext cx="3706811" cy="4264384"/>
          </a:xfrm>
          <a:prstGeom prst="roundRect">
            <a:avLst>
              <a:gd name="adj" fmla="val 9634"/>
            </a:avLst>
          </a:prstGeom>
          <a:solidFill>
            <a:schemeClr val="bg1">
              <a:lumMod val="75000"/>
            </a:schemeClr>
          </a:solidFill>
        </p:spPr>
        <p:txBody>
          <a:bodyPr wrap="square" tIns="576000" anchor="ctr" anchorCtr="0">
            <a:noAutofit/>
          </a:bodyPr>
          <a:lstStyle>
            <a:lvl1pPr marL="0" indent="0" algn="ctr">
              <a:buNone/>
              <a:defRPr sz="1600">
                <a:solidFill>
                  <a:schemeClr val="tx1"/>
                </a:solidFill>
              </a:defRPr>
            </a:lvl1pPr>
          </a:lstStyle>
          <a:p>
            <a:r>
              <a:rPr lang="en-US" dirty="0"/>
              <a:t>Click icon to add picture</a:t>
            </a:r>
            <a:endParaRPr lang="en-US" dirty="0"/>
          </a:p>
        </p:txBody>
      </p:sp>
      <p:sp>
        <p:nvSpPr>
          <p:cNvPr id="6" name="Title 5"/>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60000" y="1706400"/>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4" name="Text Placeholder notes"/>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2"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A. 3 Content and Images">
    <p:spTree>
      <p:nvGrpSpPr>
        <p:cNvPr id="1" name=""/>
        <p:cNvGrpSpPr/>
        <p:nvPr/>
      </p:nvGrpSpPr>
      <p:grpSpPr>
        <a:xfrm>
          <a:off x="0" y="0"/>
          <a:ext cx="0" cy="0"/>
          <a:chOff x="0" y="0"/>
          <a:chExt cx="0" cy="0"/>
        </a:xfrm>
      </p:grpSpPr>
      <p:sp>
        <p:nvSpPr>
          <p:cNvPr id="10" name="Picture Placeholder 7"/>
          <p:cNvSpPr>
            <a:spLocks noGrp="1"/>
          </p:cNvSpPr>
          <p:nvPr>
            <p:ph type="pic" sz="quarter" idx="11"/>
          </p:nvPr>
        </p:nvSpPr>
        <p:spPr>
          <a:xfrm>
            <a:off x="358774"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endParaRPr lang="en-US" dirty="0"/>
          </a:p>
        </p:txBody>
      </p:sp>
      <p:sp>
        <p:nvSpPr>
          <p:cNvPr id="13" name="Picture Placeholder 7"/>
          <p:cNvSpPr>
            <a:spLocks noGrp="1"/>
          </p:cNvSpPr>
          <p:nvPr>
            <p:ph type="pic" sz="quarter" idx="21"/>
          </p:nvPr>
        </p:nvSpPr>
        <p:spPr>
          <a:xfrm>
            <a:off x="4243387"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endParaRPr lang="en-US" dirty="0"/>
          </a:p>
        </p:txBody>
      </p:sp>
      <p:sp>
        <p:nvSpPr>
          <p:cNvPr id="14" name="Picture Placeholder 7"/>
          <p:cNvSpPr>
            <a:spLocks noGrp="1"/>
          </p:cNvSpPr>
          <p:nvPr>
            <p:ph type="pic" sz="quarter" idx="22"/>
          </p:nvPr>
        </p:nvSpPr>
        <p:spPr>
          <a:xfrm>
            <a:off x="8128000"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endParaRPr lang="en-US" dirty="0"/>
          </a:p>
        </p:txBody>
      </p:sp>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540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59999"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5" name="Text Placeholder sub 2"/>
          <p:cNvSpPr>
            <a:spLocks noGrp="1"/>
          </p:cNvSpPr>
          <p:nvPr>
            <p:ph type="body" sz="quarter" idx="23" hasCustomPrompt="1"/>
          </p:nvPr>
        </p:nvSpPr>
        <p:spPr>
          <a:xfrm>
            <a:off x="359998"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dirty="0"/>
          </a:p>
        </p:txBody>
      </p:sp>
      <p:sp>
        <p:nvSpPr>
          <p:cNvPr id="7" name="Content Placeholder 3"/>
          <p:cNvSpPr>
            <a:spLocks noGrp="1"/>
          </p:cNvSpPr>
          <p:nvPr>
            <p:ph sz="half" idx="2" hasCustomPrompt="1"/>
          </p:nvPr>
        </p:nvSpPr>
        <p:spPr>
          <a:xfrm>
            <a:off x="4243387"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6" name="Text Placeholder sub 3"/>
          <p:cNvSpPr>
            <a:spLocks noGrp="1"/>
          </p:cNvSpPr>
          <p:nvPr>
            <p:ph type="body" sz="quarter" idx="24" hasCustomPrompt="1"/>
          </p:nvPr>
        </p:nvSpPr>
        <p:spPr>
          <a:xfrm>
            <a:off x="4243387"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dirty="0"/>
          </a:p>
        </p:txBody>
      </p:sp>
      <p:sp>
        <p:nvSpPr>
          <p:cNvPr id="8" name="Content Placeholder 4"/>
          <p:cNvSpPr>
            <a:spLocks noGrp="1"/>
          </p:cNvSpPr>
          <p:nvPr>
            <p:ph sz="half" idx="20" hasCustomPrompt="1"/>
          </p:nvPr>
        </p:nvSpPr>
        <p:spPr>
          <a:xfrm>
            <a:off x="8128000"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7" name="Text Placeholder sub 4"/>
          <p:cNvSpPr>
            <a:spLocks noGrp="1"/>
          </p:cNvSpPr>
          <p:nvPr>
            <p:ph type="body" sz="quarter" idx="25" hasCustomPrompt="1"/>
          </p:nvPr>
        </p:nvSpPr>
        <p:spPr>
          <a:xfrm>
            <a:off x="8128000"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dirty="0"/>
          </a:p>
        </p:txBody>
      </p:sp>
      <p:sp>
        <p:nvSpPr>
          <p:cNvPr id="11" name="Text Placeholder notes"/>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12" name="Slide Number Placeholder 11"/>
          <p:cNvSpPr>
            <a:spLocks noGrp="1"/>
          </p:cNvSpPr>
          <p:nvPr>
            <p:ph type="sldNum" sz="quarter" idx="27"/>
          </p:nvPr>
        </p:nvSpPr>
        <p:spPr/>
        <p:txBody>
          <a:bodyPr/>
          <a:lstStyle/>
          <a:p>
            <a:fld id="{23AA811B-2EBD-4900-905E-5BE206449611}" type="slidenum">
              <a:rPr lang="en-US" smtClean="0"/>
            </a:fld>
            <a:endParaRPr lang="en-US" dirty="0"/>
          </a:p>
        </p:txBody>
      </p:sp>
      <p:sp>
        <p:nvSpPr>
          <p:cNvPr id="4"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A. 4 col_content and ic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59999" y="2509594"/>
            <a:ext cx="2732451"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dirty="0"/>
          </a:p>
        </p:txBody>
      </p:sp>
      <p:sp>
        <p:nvSpPr>
          <p:cNvPr id="7" name="Content Placeholder 3"/>
          <p:cNvSpPr>
            <a:spLocks noGrp="1"/>
          </p:cNvSpPr>
          <p:nvPr>
            <p:ph sz="half" idx="2" hasCustomPrompt="1"/>
          </p:nvPr>
        </p:nvSpPr>
        <p:spPr>
          <a:xfrm>
            <a:off x="3273576"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dirty="0"/>
          </a:p>
        </p:txBody>
      </p:sp>
      <p:sp>
        <p:nvSpPr>
          <p:cNvPr id="8" name="Content Placeholder 3"/>
          <p:cNvSpPr>
            <a:spLocks noGrp="1"/>
          </p:cNvSpPr>
          <p:nvPr>
            <p:ph sz="half" idx="20" hasCustomPrompt="1"/>
          </p:nvPr>
        </p:nvSpPr>
        <p:spPr>
          <a:xfrm>
            <a:off x="6187102"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dirty="0"/>
          </a:p>
        </p:txBody>
      </p:sp>
      <p:sp>
        <p:nvSpPr>
          <p:cNvPr id="12" name="Content Placeholder 3"/>
          <p:cNvSpPr>
            <a:spLocks noGrp="1"/>
          </p:cNvSpPr>
          <p:nvPr>
            <p:ph sz="half" idx="21" hasCustomPrompt="1"/>
          </p:nvPr>
        </p:nvSpPr>
        <p:spPr>
          <a:xfrm>
            <a:off x="9100629"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dirty="0"/>
          </a:p>
        </p:txBody>
      </p:sp>
      <p:sp>
        <p:nvSpPr>
          <p:cNvPr id="13" name="Content Placeholder 12"/>
          <p:cNvSpPr>
            <a:spLocks noGrp="1"/>
          </p:cNvSpPr>
          <p:nvPr>
            <p:ph sz="quarter" idx="22" hasCustomPrompt="1"/>
          </p:nvPr>
        </p:nvSpPr>
        <p:spPr>
          <a:xfrm>
            <a:off x="360000"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4" name="Content Placeholder 12"/>
          <p:cNvSpPr>
            <a:spLocks noGrp="1"/>
          </p:cNvSpPr>
          <p:nvPr>
            <p:ph sz="quarter" idx="23" hasCustomPrompt="1"/>
          </p:nvPr>
        </p:nvSpPr>
        <p:spPr>
          <a:xfrm>
            <a:off x="3273576"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5" name="Content Placeholder 12"/>
          <p:cNvSpPr>
            <a:spLocks noGrp="1"/>
          </p:cNvSpPr>
          <p:nvPr>
            <p:ph sz="quarter" idx="24" hasCustomPrompt="1"/>
          </p:nvPr>
        </p:nvSpPr>
        <p:spPr>
          <a:xfrm>
            <a:off x="6187102"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6" name="Content Placeholder 12"/>
          <p:cNvSpPr>
            <a:spLocks noGrp="1"/>
          </p:cNvSpPr>
          <p:nvPr>
            <p:ph sz="quarter" idx="25" hasCustomPrompt="1"/>
          </p:nvPr>
        </p:nvSpPr>
        <p:spPr>
          <a:xfrm>
            <a:off x="9100629"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1" name="Text Placeholder notes"/>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9"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D. Cover">
    <p:bg bwMode="ltGray">
      <p:bgRef idx="1001">
        <a:schemeClr val="bg1"/>
      </p:bgRef>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9" name="Group 8"/>
          <p:cNvGrpSpPr>
            <a:grpSpLocks noGrp="1" noRot="1" noMove="1" noResize="1" noUngrp="1"/>
          </p:cNvGrpSpPr>
          <p:nvPr userDrawn="1"/>
        </p:nvGrpSpPr>
        <p:grpSpPr>
          <a:xfrm>
            <a:off x="7656945" y="3014"/>
            <a:ext cx="4540580" cy="6858000"/>
            <a:chOff x="7656945" y="3014"/>
            <a:chExt cx="4540580" cy="6858000"/>
          </a:xfrm>
          <a:gradFill>
            <a:gsLst>
              <a:gs pos="15000">
                <a:schemeClr val="accent1"/>
              </a:gs>
              <a:gs pos="87000">
                <a:schemeClr val="accent3"/>
              </a:gs>
              <a:gs pos="43000">
                <a:srgbClr val="1FC7A2"/>
              </a:gs>
              <a:gs pos="70000">
                <a:schemeClr val="accent2"/>
              </a:gs>
            </a:gsLst>
            <a:lin ang="15600000" scaled="0"/>
          </a:gradFill>
        </p:grpSpPr>
        <p:sp>
          <p:nvSpPr>
            <p:cNvPr id="12" name="Freeform 4"/>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4" name="Freeform 7"/>
            <p:cNvSpPr>
              <a:spLocks noGrp="1" noRot="1" noMove="1" noResize="1" noEditPoints="1" noAdjustHandles="1" noChangeArrowheads="1" noChangeShapeType="1"/>
            </p:cNvSpPr>
            <p:nvPr userDrawn="1"/>
          </p:nvSpPr>
          <p:spPr>
            <a:xfrm>
              <a:off x="10506313"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2" name="Title 1"/>
          <p:cNvSpPr>
            <a:spLocks noGrp="1"/>
          </p:cNvSpPr>
          <p:nvPr>
            <p:ph type="ctrTitle" hasCustomPrompt="1"/>
          </p:nvPr>
        </p:nvSpPr>
        <p:spPr>
          <a:xfrm>
            <a:off x="360000" y="1454400"/>
            <a:ext cx="5647100" cy="1820862"/>
          </a:xfrm>
          <a:noFill/>
        </p:spPr>
        <p:txBody>
          <a:bodyPr anchor="b" anchorCtr="0"/>
          <a:lstStyle>
            <a:lvl1pPr algn="l">
              <a:lnSpc>
                <a:spcPct val="85000"/>
              </a:lnSpc>
              <a:defRPr sz="6000" b="0">
                <a:solidFill>
                  <a:srgbClr val="035C67"/>
                </a:solidFill>
              </a:defRPr>
            </a:lvl1pPr>
          </a:lstStyle>
          <a:p>
            <a:r>
              <a:rPr lang="en-US" dirty="0"/>
              <a:t>Click to add title</a:t>
            </a:r>
            <a:endParaRPr lang="en-US" dirty="0"/>
          </a:p>
        </p:txBody>
      </p:sp>
      <p:sp>
        <p:nvSpPr>
          <p:cNvPr id="11" name="Text Placeholder 4"/>
          <p:cNvSpPr>
            <a:spLocks noGrp="1"/>
          </p:cNvSpPr>
          <p:nvPr>
            <p:ph type="body" sz="quarter" idx="13" hasCustomPrompt="1"/>
          </p:nvPr>
        </p:nvSpPr>
        <p:spPr>
          <a:xfrm>
            <a:off x="360000" y="3654000"/>
            <a:ext cx="5647100" cy="2094338"/>
          </a:xfrm>
        </p:spPr>
        <p:txBody>
          <a:bodyPr/>
          <a:lstStyle>
            <a:lvl1pPr marL="0" indent="0">
              <a:lnSpc>
                <a:spcPct val="105000"/>
              </a:lnSpc>
              <a:buNone/>
              <a:defRPr sz="2200">
                <a:solidFill>
                  <a:srgbClr val="002F3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dirty="0"/>
          </a:p>
        </p:txBody>
      </p:sp>
      <p:sp>
        <p:nvSpPr>
          <p:cNvPr id="19" name="Legal dynamic" descr="{&quot;templafy&quot;:{&quot;id&quot;:&quot;d3d8434f-c9c6-4b2d-bede-4bf5460381c3&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20" name="Internal Stamp dynamic" descr="{&quot;templafy&quot;:{&quot;id&quot;:&quot;8a2dfe31-0dcb-48cd-882e-fbe9ea04a02f&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165140796" name="Dynamic logo dark mint" descr="{&quot;templafy&quot;:{&quot;id&quot;:&quot;94c9c489-36c8-4fce-9528-24720ba73155&quot;}}"/>
          <p:cNvPicPr>
            <a:picLocks noChangeAspect="1"/>
          </p:cNvPicPr>
          <p:nvPr/>
        </p:nvPicPr>
        <p:blipFill>
          <a:blip r:embed="rId2"/>
          <a:stretch>
            <a:fillRect/>
          </a:stretch>
        </p:blipFill>
        <p:spPr>
          <a:xfrm>
            <a:off x="346677" y="5882400"/>
            <a:ext cx="2145600" cy="756000"/>
          </a:xfrm>
          <a:prstGeom prst="rect">
            <a:avLst/>
          </a:prstGeom>
        </p:spPr>
      </p:pic>
      <p:sp>
        <p:nvSpPr>
          <p:cNvPr id="18" name="Slide Number Placeholder 17"/>
          <p:cNvSpPr>
            <a:spLocks noGrp="1"/>
          </p:cNvSpPr>
          <p:nvPr>
            <p:ph type="sldNum" sz="quarter" idx="15"/>
          </p:nvPr>
        </p:nvSpPr>
        <p:spPr/>
        <p:txBody>
          <a:bodyPr/>
          <a:lstStyle/>
          <a:p>
            <a:fld id="{23AA811B-2EBD-4900-905E-5BE206449611}" type="slidenum">
              <a:rPr lang="en-US" smtClean="0"/>
            </a:fld>
            <a:endParaRPr lang="en-US" dirty="0"/>
          </a:p>
        </p:txBody>
      </p:sp>
      <p:sp>
        <p:nvSpPr>
          <p:cNvPr id="4" name="Date Placeholder 3"/>
          <p:cNvSpPr>
            <a:spLocks noGrp="1"/>
          </p:cNvSpPr>
          <p:nvPr>
            <p:ph type="dt" sz="half" idx="16"/>
          </p:nvPr>
        </p:nvSpPr>
        <p:spPr/>
        <p:txBody>
          <a:bodyPr/>
          <a:lstStyle/>
          <a:p>
            <a:fld id="{B118041E-2DAD-480C-AEE4-E661A097CFE4}" type="datetime1">
              <a:rPr lang="en-US" smtClean="0"/>
            </a:fld>
            <a:endParaRPr lang="en-US" dirty="0"/>
          </a:p>
        </p:txBody>
      </p:sp>
    </p:spTree>
  </p:cSld>
  <p:clrMapOvr>
    <a:overrideClrMapping bg1="lt1" tx1="dk1" bg2="lt2" tx2="dk2" accent1="accent1" accent2="accent2" accent3="accent3" accent4="accent4" accent5="accent5" accent6="accent6" hlink="hlink" folHlink="folHlink"/>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B. 4 col_content and ic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17" name="Text Placeholder 16"/>
          <p:cNvSpPr>
            <a:spLocks noGrp="1"/>
          </p:cNvSpPr>
          <p:nvPr>
            <p:ph type="body" sz="quarter" idx="26" hasCustomPrompt="1"/>
          </p:nvPr>
        </p:nvSpPr>
        <p:spPr>
          <a:xfrm>
            <a:off x="358775"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3" name="Content Placeholder 2"/>
          <p:cNvSpPr>
            <a:spLocks noGrp="1"/>
          </p:cNvSpPr>
          <p:nvPr>
            <p:ph idx="1" hasCustomPrompt="1"/>
          </p:nvPr>
        </p:nvSpPr>
        <p:spPr>
          <a:xfrm>
            <a:off x="35999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8" name="Text Placeholder 16"/>
          <p:cNvSpPr>
            <a:spLocks noGrp="1"/>
          </p:cNvSpPr>
          <p:nvPr>
            <p:ph type="body" sz="quarter" idx="27" hasCustomPrompt="1"/>
          </p:nvPr>
        </p:nvSpPr>
        <p:spPr>
          <a:xfrm>
            <a:off x="3273576"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7" name="Content Placeholder 3"/>
          <p:cNvSpPr>
            <a:spLocks noGrp="1"/>
          </p:cNvSpPr>
          <p:nvPr>
            <p:ph sz="half" idx="2" hasCustomPrompt="1"/>
          </p:nvPr>
        </p:nvSpPr>
        <p:spPr>
          <a:xfrm>
            <a:off x="3273576"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9" name="Text Placeholder 16"/>
          <p:cNvSpPr>
            <a:spLocks noGrp="1"/>
          </p:cNvSpPr>
          <p:nvPr>
            <p:ph type="body" sz="quarter" idx="28" hasCustomPrompt="1"/>
          </p:nvPr>
        </p:nvSpPr>
        <p:spPr>
          <a:xfrm>
            <a:off x="6187102"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8" name="Content Placeholder 3"/>
          <p:cNvSpPr>
            <a:spLocks noGrp="1"/>
          </p:cNvSpPr>
          <p:nvPr>
            <p:ph sz="half" idx="20" hasCustomPrompt="1"/>
          </p:nvPr>
        </p:nvSpPr>
        <p:spPr>
          <a:xfrm>
            <a:off x="6187102"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20" name="Text Placeholder 16"/>
          <p:cNvSpPr>
            <a:spLocks noGrp="1"/>
          </p:cNvSpPr>
          <p:nvPr>
            <p:ph type="body" sz="quarter" idx="29" hasCustomPrompt="1"/>
          </p:nvPr>
        </p:nvSpPr>
        <p:spPr>
          <a:xfrm>
            <a:off x="9100629"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12" name="Content Placeholder 3"/>
          <p:cNvSpPr>
            <a:spLocks noGrp="1"/>
          </p:cNvSpPr>
          <p:nvPr>
            <p:ph sz="half" idx="21" hasCustomPrompt="1"/>
          </p:nvPr>
        </p:nvSpPr>
        <p:spPr>
          <a:xfrm>
            <a:off x="910062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3" name="Content Placeholder 12"/>
          <p:cNvSpPr>
            <a:spLocks noGrp="1"/>
          </p:cNvSpPr>
          <p:nvPr>
            <p:ph sz="quarter" idx="22" hasCustomPrompt="1"/>
          </p:nvPr>
        </p:nvSpPr>
        <p:spPr>
          <a:xfrm>
            <a:off x="360000"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4" name="Content Placeholder 12"/>
          <p:cNvSpPr>
            <a:spLocks noGrp="1"/>
          </p:cNvSpPr>
          <p:nvPr>
            <p:ph sz="quarter" idx="23" hasCustomPrompt="1"/>
          </p:nvPr>
        </p:nvSpPr>
        <p:spPr>
          <a:xfrm>
            <a:off x="3273576"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5" name="Content Placeholder 12"/>
          <p:cNvSpPr>
            <a:spLocks noGrp="1"/>
          </p:cNvSpPr>
          <p:nvPr>
            <p:ph sz="quarter" idx="24" hasCustomPrompt="1"/>
          </p:nvPr>
        </p:nvSpPr>
        <p:spPr>
          <a:xfrm>
            <a:off x="6187102"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6" name="Content Placeholder 12"/>
          <p:cNvSpPr>
            <a:spLocks noGrp="1"/>
          </p:cNvSpPr>
          <p:nvPr>
            <p:ph sz="quarter" idx="25" hasCustomPrompt="1"/>
          </p:nvPr>
        </p:nvSpPr>
        <p:spPr>
          <a:xfrm>
            <a:off x="9100629"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1" name="Text Placeholder notes"/>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9"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A. 4 col_content">
    <p:spTree>
      <p:nvGrpSpPr>
        <p:cNvPr id="1" name=""/>
        <p:cNvGrpSpPr/>
        <p:nvPr/>
      </p:nvGrpSpPr>
      <p:grpSpPr>
        <a:xfrm>
          <a:off x="0" y="0"/>
          <a:ext cx="0" cy="0"/>
          <a:chOff x="0" y="0"/>
          <a:chExt cx="0" cy="0"/>
        </a:xfrm>
      </p:grpSpPr>
      <p:pic>
        <p:nvPicPr>
          <p:cNvPr id="27" name="Graphic 26"/>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a:fillRect/>
          </a:stretch>
        </p:blipFill>
        <p:spPr>
          <a:xfrm>
            <a:off x="7" y="2699448"/>
            <a:ext cx="12191986" cy="309033"/>
          </a:xfrm>
          <a:prstGeom prst="rect">
            <a:avLst/>
          </a:prstGeom>
        </p:spPr>
      </p:pic>
      <p:sp>
        <p:nvSpPr>
          <p:cNvPr id="2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23" name="Text Placeholder eyebrow"/>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dirty="0"/>
          </a:p>
        </p:txBody>
      </p:sp>
      <p:sp>
        <p:nvSpPr>
          <p:cNvPr id="17" name="Text Placeholder 16"/>
          <p:cNvSpPr>
            <a:spLocks noGrp="1"/>
          </p:cNvSpPr>
          <p:nvPr>
            <p:ph type="body" sz="quarter" idx="26" hasCustomPrompt="1"/>
          </p:nvPr>
        </p:nvSpPr>
        <p:spPr>
          <a:xfrm>
            <a:off x="358775" y="3225100"/>
            <a:ext cx="2052000" cy="394399"/>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3" name="Content Placeholder 2"/>
          <p:cNvSpPr>
            <a:spLocks noGrp="1"/>
          </p:cNvSpPr>
          <p:nvPr>
            <p:ph idx="1" hasCustomPrompt="1"/>
          </p:nvPr>
        </p:nvSpPr>
        <p:spPr>
          <a:xfrm>
            <a:off x="359999"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8" name="Text Placeholder 16"/>
          <p:cNvSpPr>
            <a:spLocks noGrp="1"/>
          </p:cNvSpPr>
          <p:nvPr>
            <p:ph type="body" sz="quarter" idx="27" hasCustomPrompt="1"/>
          </p:nvPr>
        </p:nvSpPr>
        <p:spPr>
          <a:xfrm>
            <a:off x="2713197"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7" name="Content Placeholder 3"/>
          <p:cNvSpPr>
            <a:spLocks noGrp="1"/>
          </p:cNvSpPr>
          <p:nvPr>
            <p:ph sz="half" idx="2" hasCustomPrompt="1"/>
          </p:nvPr>
        </p:nvSpPr>
        <p:spPr>
          <a:xfrm>
            <a:off x="2714115"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9" name="Text Placeholder 16"/>
          <p:cNvSpPr>
            <a:spLocks noGrp="1"/>
          </p:cNvSpPr>
          <p:nvPr>
            <p:ph type="body" sz="quarter" idx="28" hasCustomPrompt="1"/>
          </p:nvPr>
        </p:nvSpPr>
        <p:spPr>
          <a:xfrm>
            <a:off x="5067619"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8" name="Content Placeholder 3"/>
          <p:cNvSpPr>
            <a:spLocks noGrp="1"/>
          </p:cNvSpPr>
          <p:nvPr>
            <p:ph sz="half" idx="20" hasCustomPrompt="1"/>
          </p:nvPr>
        </p:nvSpPr>
        <p:spPr>
          <a:xfrm>
            <a:off x="5068231"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20" name="Text Placeholder 16"/>
          <p:cNvSpPr>
            <a:spLocks noGrp="1"/>
          </p:cNvSpPr>
          <p:nvPr>
            <p:ph type="body" sz="quarter" idx="29" hasCustomPrompt="1"/>
          </p:nvPr>
        </p:nvSpPr>
        <p:spPr>
          <a:xfrm>
            <a:off x="7422041"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12" name="Content Placeholder 3"/>
          <p:cNvSpPr>
            <a:spLocks noGrp="1"/>
          </p:cNvSpPr>
          <p:nvPr>
            <p:ph sz="half" idx="21" hasCustomPrompt="1"/>
          </p:nvPr>
        </p:nvSpPr>
        <p:spPr>
          <a:xfrm>
            <a:off x="7422347"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0" name="Text Placeholder 16"/>
          <p:cNvSpPr>
            <a:spLocks noGrp="1"/>
          </p:cNvSpPr>
          <p:nvPr>
            <p:ph type="body" sz="quarter" idx="30" hasCustomPrompt="1"/>
          </p:nvPr>
        </p:nvSpPr>
        <p:spPr>
          <a:xfrm>
            <a:off x="9776463"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21" name="Content Placeholder 3"/>
          <p:cNvSpPr>
            <a:spLocks noGrp="1"/>
          </p:cNvSpPr>
          <p:nvPr>
            <p:ph sz="half" idx="31" hasCustomPrompt="1"/>
          </p:nvPr>
        </p:nvSpPr>
        <p:spPr>
          <a:xfrm>
            <a:off x="9776463"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1" name="Text Placeholder notes"/>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2"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A. Content color">
    <p:bg>
      <p:bgPr>
        <a:solidFill>
          <a:schemeClr val="bg2"/>
        </a:solidFill>
        <a:effectLst/>
      </p:bgPr>
    </p:bg>
    <p:spTree>
      <p:nvGrpSpPr>
        <p:cNvPr id="1" name=""/>
        <p:cNvGrpSpPr/>
        <p:nvPr/>
      </p:nvGrpSpPr>
      <p:grpSpPr>
        <a:xfrm>
          <a:off x="0" y="0"/>
          <a:ext cx="0" cy="0"/>
          <a:chOff x="0" y="0"/>
          <a:chExt cx="0" cy="0"/>
        </a:xfrm>
      </p:grpSpPr>
      <p:sp>
        <p:nvSpPr>
          <p:cNvPr id="6" name="Title 5"/>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60000" y="1706400"/>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4" name="Text Placeholder notes"/>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2"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A.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3211"/>
            <a:ext cx="7588800" cy="1166400"/>
          </a:xfrm>
        </p:spPr>
        <p:txBody>
          <a:bodyPr/>
          <a:lstStyle>
            <a:lvl1pPr>
              <a:defRPr>
                <a:solidFill>
                  <a:schemeClr val="accent3"/>
                </a:solidFill>
              </a:defRPr>
            </a:lvl1pPr>
          </a:lstStyle>
          <a:p>
            <a:r>
              <a:rPr lang="en-US" noProof="0" dirty="0"/>
              <a:t>Click to add title</a:t>
            </a:r>
            <a:endParaRPr lang="en-US" dirty="0"/>
          </a:p>
        </p:txBody>
      </p:sp>
      <p:sp>
        <p:nvSpPr>
          <p:cNvPr id="5" name="Text Placeholder eyebrow"/>
          <p:cNvSpPr>
            <a:spLocks noGrp="1"/>
          </p:cNvSpPr>
          <p:nvPr>
            <p:ph type="body" sz="quarter" idx="17" hasCustomPrompt="1"/>
          </p:nvPr>
        </p:nvSpPr>
        <p:spPr>
          <a:xfrm>
            <a:off x="360000" y="296574"/>
            <a:ext cx="7588800"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dirty="0"/>
          </a:p>
        </p:txBody>
      </p:sp>
      <p:sp>
        <p:nvSpPr>
          <p:cNvPr id="3" name="Content Placeholder 2"/>
          <p:cNvSpPr>
            <a:spLocks noGrp="1"/>
          </p:cNvSpPr>
          <p:nvPr>
            <p:ph idx="1" hasCustomPrompt="1"/>
          </p:nvPr>
        </p:nvSpPr>
        <p:spPr>
          <a:xfrm>
            <a:off x="360000" y="1706399"/>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4" name="Text Placeholder notes"/>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8" name="Slide Number Placeholder 7"/>
          <p:cNvSpPr>
            <a:spLocks noGrp="1"/>
          </p:cNvSpPr>
          <p:nvPr>
            <p:ph type="sldNum" sz="quarter" idx="19"/>
          </p:nvPr>
        </p:nvSpPr>
        <p:spPr/>
        <p:txBody>
          <a:bodyPr/>
          <a:lstStyle/>
          <a:p>
            <a:fld id="{23AA811B-2EBD-4900-905E-5BE206449611}" type="slidenum">
              <a:rPr lang="en-US" smtClean="0"/>
            </a:fld>
            <a:endParaRPr lang="en-US" dirty="0"/>
          </a:p>
        </p:txBody>
      </p:sp>
      <p:sp>
        <p:nvSpPr>
          <p:cNvPr id="4"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 Content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6186488" y="1706400"/>
            <a:ext cx="564515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8"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B.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dirty="0"/>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6186488"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8"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 Content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59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4243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8" name="Content Placeholder 3"/>
          <p:cNvSpPr>
            <a:spLocks noGrp="1"/>
          </p:cNvSpPr>
          <p:nvPr>
            <p:ph sz="half" idx="20" hasCustomPrompt="1"/>
          </p:nvPr>
        </p:nvSpPr>
        <p:spPr>
          <a:xfrm>
            <a:off x="8128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10"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dirty="0"/>
          </a:p>
        </p:txBody>
      </p:sp>
      <p:sp>
        <p:nvSpPr>
          <p:cNvPr id="3" name="Content Placeholder 2"/>
          <p:cNvSpPr>
            <a:spLocks noGrp="1"/>
          </p:cNvSpPr>
          <p:nvPr>
            <p:ph idx="1" hasCustomPrompt="1"/>
          </p:nvPr>
        </p:nvSpPr>
        <p:spPr>
          <a:xfrm>
            <a:off x="360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42444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8" name="Content Placeholder 3"/>
          <p:cNvSpPr>
            <a:spLocks noGrp="1"/>
          </p:cNvSpPr>
          <p:nvPr>
            <p:ph sz="half" idx="20" hasCustomPrompt="1"/>
          </p:nvPr>
        </p:nvSpPr>
        <p:spPr>
          <a:xfrm>
            <a:off x="81288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9"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D. Content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59999" y="1706400"/>
            <a:ext cx="2732451"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3273576"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8" name="Content Placeholder 3"/>
          <p:cNvSpPr>
            <a:spLocks noGrp="1"/>
          </p:cNvSpPr>
          <p:nvPr>
            <p:ph sz="half" idx="20" hasCustomPrompt="1"/>
          </p:nvPr>
        </p:nvSpPr>
        <p:spPr>
          <a:xfrm>
            <a:off x="6187102"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12" name="Content Placeholder 3"/>
          <p:cNvSpPr>
            <a:spLocks noGrp="1"/>
          </p:cNvSpPr>
          <p:nvPr>
            <p:ph sz="half" idx="21" hasCustomPrompt="1"/>
          </p:nvPr>
        </p:nvSpPr>
        <p:spPr>
          <a:xfrm>
            <a:off x="9100629"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9"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D.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dirty="0"/>
          </a:p>
        </p:txBody>
      </p:sp>
      <p:sp>
        <p:nvSpPr>
          <p:cNvPr id="3" name="Content Placeholder 2"/>
          <p:cNvSpPr>
            <a:spLocks noGrp="1"/>
          </p:cNvSpPr>
          <p:nvPr>
            <p:ph idx="1" hasCustomPrompt="1"/>
          </p:nvPr>
        </p:nvSpPr>
        <p:spPr>
          <a:xfrm>
            <a:off x="3600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7" name="Content Placeholder 3"/>
          <p:cNvSpPr>
            <a:spLocks noGrp="1"/>
          </p:cNvSpPr>
          <p:nvPr>
            <p:ph sz="half" idx="2" hasCustomPrompt="1"/>
          </p:nvPr>
        </p:nvSpPr>
        <p:spPr>
          <a:xfrm>
            <a:off x="32736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8" name="Content Placeholder 3"/>
          <p:cNvSpPr>
            <a:spLocks noGrp="1"/>
          </p:cNvSpPr>
          <p:nvPr>
            <p:ph sz="half" idx="20" hasCustomPrompt="1"/>
          </p:nvPr>
        </p:nvSpPr>
        <p:spPr>
          <a:xfrm>
            <a:off x="61872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9" name="Content Placeholder 3"/>
          <p:cNvSpPr>
            <a:spLocks noGrp="1"/>
          </p:cNvSpPr>
          <p:nvPr>
            <p:ph sz="half" idx="21" hasCustomPrompt="1"/>
          </p:nvPr>
        </p:nvSpPr>
        <p:spPr>
          <a:xfrm>
            <a:off x="91008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1" name="Text Placeholder notes"/>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10"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E. Cover">
    <p:bg bwMode="ltGray">
      <p:bgPr>
        <a:solidFill>
          <a:schemeClr val="tx1"/>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8" name="Picture 7" descr="A person looking at a cell phone&#10;&#10;Description automatically generated"/>
          <p:cNvPicPr>
            <a:picLocks noChangeAspect="1"/>
          </p:cNvPicPr>
          <p:nvPr userDrawn="1"/>
        </p:nvPicPr>
        <p:blipFill rotWithShape="1">
          <a:blip r:embed="rId2" cstate="email"/>
          <a:srcRect/>
          <a:stretch>
            <a:fillRect/>
          </a:stretch>
        </p:blipFill>
        <p:spPr>
          <a:xfrm>
            <a:off x="0" y="0"/>
            <a:ext cx="12192000" cy="6858000"/>
          </a:xfrm>
          <a:prstGeom prst="rect">
            <a:avLst/>
          </a:prstGeom>
        </p:spPr>
      </p:pic>
      <p:sp>
        <p:nvSpPr>
          <p:cNvPr id="17" name="Graphic"/>
          <p:cNvSpPr/>
          <p:nvPr userDrawn="1"/>
        </p:nvSpPr>
        <p:spPr>
          <a:xfrm>
            <a:off x="358775" y="358775"/>
            <a:ext cx="11469688" cy="6138000"/>
          </a:xfrm>
          <a:custGeom>
            <a:avLst/>
            <a:gdLst>
              <a:gd name="connsiteX0" fmla="*/ 8117764 w 11469688"/>
              <a:gd name="connsiteY0" fmla="*/ 532822 h 6138000"/>
              <a:gd name="connsiteX1" fmla="*/ 7810298 w 11469688"/>
              <a:gd name="connsiteY1" fmla="*/ 840285 h 6138000"/>
              <a:gd name="connsiteX2" fmla="*/ 7810298 w 11469688"/>
              <a:gd name="connsiteY2" fmla="*/ 1839636 h 6138000"/>
              <a:gd name="connsiteX3" fmla="*/ 7579668 w 11469688"/>
              <a:gd name="connsiteY3" fmla="*/ 2070265 h 6138000"/>
              <a:gd name="connsiteX4" fmla="*/ 6580310 w 11469688"/>
              <a:gd name="connsiteY4" fmla="*/ 2070265 h 6138000"/>
              <a:gd name="connsiteX5" fmla="*/ 6272844 w 11469688"/>
              <a:gd name="connsiteY5" fmla="*/ 2377728 h 6138000"/>
              <a:gd name="connsiteX6" fmla="*/ 6272844 w 11469688"/>
              <a:gd name="connsiteY6" fmla="*/ 3300118 h 6138000"/>
              <a:gd name="connsiteX7" fmla="*/ 6580310 w 11469688"/>
              <a:gd name="connsiteY7" fmla="*/ 3607581 h 6138000"/>
              <a:gd name="connsiteX8" fmla="*/ 7579668 w 11469688"/>
              <a:gd name="connsiteY8" fmla="*/ 3607581 h 6138000"/>
              <a:gd name="connsiteX9" fmla="*/ 7810298 w 11469688"/>
              <a:gd name="connsiteY9" fmla="*/ 3838210 h 6138000"/>
              <a:gd name="connsiteX10" fmla="*/ 7810298 w 11469688"/>
              <a:gd name="connsiteY10" fmla="*/ 4837561 h 6138000"/>
              <a:gd name="connsiteX11" fmla="*/ 8117764 w 11469688"/>
              <a:gd name="connsiteY11" fmla="*/ 5145024 h 6138000"/>
              <a:gd name="connsiteX12" fmla="*/ 9040160 w 11469688"/>
              <a:gd name="connsiteY12" fmla="*/ 5145024 h 6138000"/>
              <a:gd name="connsiteX13" fmla="*/ 9347625 w 11469688"/>
              <a:gd name="connsiteY13" fmla="*/ 4837561 h 6138000"/>
              <a:gd name="connsiteX14" fmla="*/ 9347625 w 11469688"/>
              <a:gd name="connsiteY14" fmla="*/ 3838210 h 6138000"/>
              <a:gd name="connsiteX15" fmla="*/ 9578256 w 11469688"/>
              <a:gd name="connsiteY15" fmla="*/ 3607581 h 6138000"/>
              <a:gd name="connsiteX16" fmla="*/ 10577614 w 11469688"/>
              <a:gd name="connsiteY16" fmla="*/ 3607581 h 6138000"/>
              <a:gd name="connsiteX17" fmla="*/ 10885079 w 11469688"/>
              <a:gd name="connsiteY17" fmla="*/ 3300118 h 6138000"/>
              <a:gd name="connsiteX18" fmla="*/ 10885079 w 11469688"/>
              <a:gd name="connsiteY18" fmla="*/ 2377728 h 6138000"/>
              <a:gd name="connsiteX19" fmla="*/ 10577614 w 11469688"/>
              <a:gd name="connsiteY19" fmla="*/ 2070265 h 6138000"/>
              <a:gd name="connsiteX20" fmla="*/ 9578256 w 11469688"/>
              <a:gd name="connsiteY20" fmla="*/ 2070265 h 6138000"/>
              <a:gd name="connsiteX21" fmla="*/ 9347625 w 11469688"/>
              <a:gd name="connsiteY21" fmla="*/ 1839636 h 6138000"/>
              <a:gd name="connsiteX22" fmla="*/ 9347625 w 11469688"/>
              <a:gd name="connsiteY22" fmla="*/ 840285 h 6138000"/>
              <a:gd name="connsiteX23" fmla="*/ 9040160 w 11469688"/>
              <a:gd name="connsiteY23" fmla="*/ 532822 h 6138000"/>
              <a:gd name="connsiteX24" fmla="*/ 449486 w 11469688"/>
              <a:gd name="connsiteY24" fmla="*/ 0 h 6138000"/>
              <a:gd name="connsiteX25" fmla="*/ 11020202 w 11469688"/>
              <a:gd name="connsiteY25" fmla="*/ 0 h 6138000"/>
              <a:gd name="connsiteX26" fmla="*/ 11469688 w 11469688"/>
              <a:gd name="connsiteY26" fmla="*/ 449486 h 6138000"/>
              <a:gd name="connsiteX27" fmla="*/ 11469688 w 11469688"/>
              <a:gd name="connsiteY27" fmla="*/ 5688514 h 6138000"/>
              <a:gd name="connsiteX28" fmla="*/ 11020202 w 11469688"/>
              <a:gd name="connsiteY28" fmla="*/ 6138000 h 6138000"/>
              <a:gd name="connsiteX29" fmla="*/ 449486 w 11469688"/>
              <a:gd name="connsiteY29" fmla="*/ 6138000 h 6138000"/>
              <a:gd name="connsiteX30" fmla="*/ 0 w 11469688"/>
              <a:gd name="connsiteY30" fmla="*/ 5688514 h 6138000"/>
              <a:gd name="connsiteX31" fmla="*/ 0 w 11469688"/>
              <a:gd name="connsiteY31" fmla="*/ 449486 h 6138000"/>
              <a:gd name="connsiteX32" fmla="*/ 449486 w 11469688"/>
              <a:gd name="connsiteY32" fmla="*/ 0 h 613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469688" h="6138000">
                <a:moveTo>
                  <a:pt x="8117764" y="532822"/>
                </a:moveTo>
                <a:cubicBezTo>
                  <a:pt x="7947966" y="532822"/>
                  <a:pt x="7810298" y="670488"/>
                  <a:pt x="7810298" y="840285"/>
                </a:cubicBezTo>
                <a:lnTo>
                  <a:pt x="7810298" y="1839636"/>
                </a:lnTo>
                <a:cubicBezTo>
                  <a:pt x="7810298" y="1967015"/>
                  <a:pt x="7707048" y="2070265"/>
                  <a:pt x="7579668" y="2070265"/>
                </a:cubicBezTo>
                <a:lnTo>
                  <a:pt x="6580310" y="2070265"/>
                </a:lnTo>
                <a:cubicBezTo>
                  <a:pt x="6410512" y="2070265"/>
                  <a:pt x="6272844" y="2207931"/>
                  <a:pt x="6272844" y="2377728"/>
                </a:cubicBezTo>
                <a:lnTo>
                  <a:pt x="6272844" y="3300118"/>
                </a:lnTo>
                <a:cubicBezTo>
                  <a:pt x="6272844" y="3469915"/>
                  <a:pt x="6410512" y="3607581"/>
                  <a:pt x="6580310" y="3607581"/>
                </a:cubicBezTo>
                <a:lnTo>
                  <a:pt x="7579668" y="3607581"/>
                </a:lnTo>
                <a:cubicBezTo>
                  <a:pt x="7707048" y="3607581"/>
                  <a:pt x="7810298" y="3710831"/>
                  <a:pt x="7810298" y="3838210"/>
                </a:cubicBezTo>
                <a:lnTo>
                  <a:pt x="7810298" y="4837561"/>
                </a:lnTo>
                <a:cubicBezTo>
                  <a:pt x="7810298" y="5007358"/>
                  <a:pt x="7947966" y="5145024"/>
                  <a:pt x="8117764" y="5145024"/>
                </a:cubicBezTo>
                <a:lnTo>
                  <a:pt x="9040160" y="5145024"/>
                </a:lnTo>
                <a:cubicBezTo>
                  <a:pt x="9209958" y="5145024"/>
                  <a:pt x="9347625" y="5007358"/>
                  <a:pt x="9347625" y="4837561"/>
                </a:cubicBezTo>
                <a:lnTo>
                  <a:pt x="9347625" y="3838210"/>
                </a:lnTo>
                <a:cubicBezTo>
                  <a:pt x="9347625" y="3710831"/>
                  <a:pt x="9450876" y="3607581"/>
                  <a:pt x="9578256" y="3607581"/>
                </a:cubicBezTo>
                <a:lnTo>
                  <a:pt x="10577614" y="3607581"/>
                </a:lnTo>
                <a:cubicBezTo>
                  <a:pt x="10747412" y="3607581"/>
                  <a:pt x="10885079" y="3469915"/>
                  <a:pt x="10885079" y="3300118"/>
                </a:cubicBezTo>
                <a:lnTo>
                  <a:pt x="10885079" y="2377728"/>
                </a:lnTo>
                <a:cubicBezTo>
                  <a:pt x="10885079" y="2207931"/>
                  <a:pt x="10747412" y="2070265"/>
                  <a:pt x="10577614" y="2070265"/>
                </a:cubicBezTo>
                <a:lnTo>
                  <a:pt x="9578256" y="2070265"/>
                </a:lnTo>
                <a:cubicBezTo>
                  <a:pt x="9450876" y="2070265"/>
                  <a:pt x="9347625" y="1967015"/>
                  <a:pt x="9347625" y="1839636"/>
                </a:cubicBezTo>
                <a:lnTo>
                  <a:pt x="9347625" y="840285"/>
                </a:lnTo>
                <a:cubicBezTo>
                  <a:pt x="9347625" y="670488"/>
                  <a:pt x="9209958" y="532822"/>
                  <a:pt x="9040160" y="532822"/>
                </a:cubicBezTo>
                <a:close/>
                <a:moveTo>
                  <a:pt x="449486" y="0"/>
                </a:moveTo>
                <a:lnTo>
                  <a:pt x="11020202" y="0"/>
                </a:lnTo>
                <a:cubicBezTo>
                  <a:pt x="11268446" y="0"/>
                  <a:pt x="11469688" y="201242"/>
                  <a:pt x="11469688" y="449486"/>
                </a:cubicBezTo>
                <a:lnTo>
                  <a:pt x="11469688" y="5688514"/>
                </a:lnTo>
                <a:cubicBezTo>
                  <a:pt x="11469688" y="5936758"/>
                  <a:pt x="11268446" y="6138000"/>
                  <a:pt x="11020202" y="6138000"/>
                </a:cubicBezTo>
                <a:lnTo>
                  <a:pt x="449486" y="6138000"/>
                </a:lnTo>
                <a:cubicBezTo>
                  <a:pt x="201242" y="6138000"/>
                  <a:pt x="0" y="5936758"/>
                  <a:pt x="0" y="5688514"/>
                </a:cubicBezTo>
                <a:lnTo>
                  <a:pt x="0" y="449486"/>
                </a:lnTo>
                <a:cubicBezTo>
                  <a:pt x="0" y="201242"/>
                  <a:pt x="201242" y="0"/>
                  <a:pt x="449486" y="0"/>
                </a:cubicBezTo>
                <a:close/>
              </a:path>
            </a:pathLst>
          </a:cu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 name="Title 1"/>
          <p:cNvSpPr>
            <a:spLocks noGrp="1"/>
          </p:cNvSpPr>
          <p:nvPr>
            <p:ph type="ctrTitle" hasCustomPrompt="1"/>
          </p:nvPr>
        </p:nvSpPr>
        <p:spPr bwMode="white">
          <a:xfrm>
            <a:off x="841248" y="1450800"/>
            <a:ext cx="5165852" cy="1820862"/>
          </a:xfrm>
          <a:noFill/>
        </p:spPr>
        <p:txBody>
          <a:bodyPr anchor="b" anchorCtr="0"/>
          <a:lstStyle>
            <a:lvl1pPr algn="l">
              <a:lnSpc>
                <a:spcPct val="85000"/>
              </a:lnSpc>
              <a:defRPr sz="6000" b="0">
                <a:solidFill>
                  <a:schemeClr val="accent1"/>
                </a:solidFill>
              </a:defRPr>
            </a:lvl1pPr>
          </a:lstStyle>
          <a:p>
            <a:r>
              <a:rPr lang="en-US" dirty="0"/>
              <a:t>Click to add title</a:t>
            </a:r>
            <a:endParaRPr lang="en-US" dirty="0"/>
          </a:p>
        </p:txBody>
      </p:sp>
      <p:sp>
        <p:nvSpPr>
          <p:cNvPr id="11" name="Text Placeholder 4"/>
          <p:cNvSpPr>
            <a:spLocks noGrp="1"/>
          </p:cNvSpPr>
          <p:nvPr>
            <p:ph type="body" sz="quarter" idx="13" hasCustomPrompt="1"/>
          </p:nvPr>
        </p:nvSpPr>
        <p:spPr bwMode="white">
          <a:xfrm>
            <a:off x="841248" y="3654000"/>
            <a:ext cx="5165852" cy="1728000"/>
          </a:xfrm>
        </p:spPr>
        <p:txBody>
          <a:bodyPr/>
          <a:lstStyle>
            <a:lvl1pPr marL="0" indent="0">
              <a:lnSpc>
                <a:spcPct val="105000"/>
              </a:lnSpc>
              <a:buNone/>
              <a:defRPr sz="2200">
                <a:solidFill>
                  <a:schemeClr val="tx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dirty="0"/>
          </a:p>
        </p:txBody>
      </p:sp>
      <p:sp>
        <p:nvSpPr>
          <p:cNvPr id="15" name="Legal dynamic" descr="{&quot;templafy&quot;:{&quot;id&quot;:&quot;2bfa744f-206d-4946-b844-25198382a03c&quot;}}" title="Form.Cigna_Confidentiality.EvernorthConfidentiality"/>
          <p:cNvSpPr/>
          <p:nvPr userDrawn="1"/>
        </p:nvSpPr>
        <p:spPr bwMode="white">
          <a:xfrm>
            <a:off x="5430786" y="5903806"/>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6" name="Internal Stamp dynamic" descr="{&quot;templafy&quot;:{&quot;id&quot;:&quot;bc7f54d2-c0b6-4f2b-a219-cf3fe14f05eb&quot;}}" title="Form.Cigna_Confidentiality.Cigna_confidentiality"/>
          <p:cNvSpPr/>
          <p:nvPr userDrawn="1"/>
        </p:nvSpPr>
        <p:spPr bwMode="white">
          <a:xfrm>
            <a:off x="3096000" y="5903806"/>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2136992428" name="Dynamic logo hypermint" descr="{&quot;templafy&quot;:{&quot;id&quot;:&quot;b9e7615e-f7cf-4e14-9a6d-419d1308dbcc&quot;}}"/>
          <p:cNvPicPr>
            <a:picLocks noChangeAspect="1"/>
          </p:cNvPicPr>
          <p:nvPr/>
        </p:nvPicPr>
        <p:blipFill>
          <a:blip r:embed="rId3"/>
          <a:stretch>
            <a:fillRect/>
          </a:stretch>
        </p:blipFill>
        <p:spPr>
          <a:xfrm>
            <a:off x="820800" y="5569200"/>
            <a:ext cx="2145600" cy="756000"/>
          </a:xfrm>
          <a:prstGeom prst="rect">
            <a:avLst/>
          </a:prstGeom>
        </p:spPr>
      </p:pic>
      <p:sp>
        <p:nvSpPr>
          <p:cNvPr id="13" name="Slide Number Placeholder 12"/>
          <p:cNvSpPr>
            <a:spLocks noGrp="1"/>
          </p:cNvSpPr>
          <p:nvPr>
            <p:ph type="sldNum" sz="quarter" idx="16"/>
          </p:nvPr>
        </p:nvSpPr>
        <p:spPr bwMode="white">
          <a:xfrm>
            <a:off x="11068880" y="6051600"/>
            <a:ext cx="266400" cy="180000"/>
          </a:xfrm>
        </p:spPr>
        <p:txBody>
          <a:bodyPr/>
          <a:lstStyle>
            <a:lvl1pPr>
              <a:defRPr>
                <a:solidFill>
                  <a:schemeClr val="tx2"/>
                </a:solidFill>
              </a:defRPr>
            </a:lvl1pPr>
          </a:lstStyle>
          <a:p>
            <a:fld id="{23AA811B-2EBD-4900-905E-5BE206449611}" type="slidenum">
              <a:rPr lang="en-US" smtClean="0"/>
            </a:fld>
            <a:endParaRPr lang="en-US" dirty="0"/>
          </a:p>
        </p:txBody>
      </p:sp>
      <p:sp>
        <p:nvSpPr>
          <p:cNvPr id="3" name="Date Placeholder 2"/>
          <p:cNvSpPr>
            <a:spLocks noGrp="1"/>
          </p:cNvSpPr>
          <p:nvPr>
            <p:ph type="dt" sz="half" idx="17"/>
          </p:nvPr>
        </p:nvSpPr>
        <p:spPr>
          <a:xfrm>
            <a:off x="10141200" y="60516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 Content color">
    <p:bg>
      <p:bgPr>
        <a:solidFill>
          <a:schemeClr val="bg2"/>
        </a:solidFill>
        <a:effectLst/>
      </p:bgPr>
    </p:bg>
    <p:spTree>
      <p:nvGrpSpPr>
        <p:cNvPr id="1" name=""/>
        <p:cNvGrpSpPr/>
        <p:nvPr/>
      </p:nvGrpSpPr>
      <p:grpSpPr>
        <a:xfrm>
          <a:off x="0" y="0"/>
          <a:ext cx="0" cy="0"/>
          <a:chOff x="0" y="0"/>
          <a:chExt cx="0" cy="0"/>
        </a:xfrm>
      </p:grpSpPr>
      <p:sp>
        <p:nvSpPr>
          <p:cNvPr id="2" name="Background"/>
          <p:cNvSpPr>
            <a:spLocks noGrp="1" noRot="1" noMove="1" noResize="1" noEditPoints="1" noAdjustHandles="1" noChangeArrowheads="1" noChangeShapeType="1"/>
          </p:cNvSpPr>
          <p:nvPr userDrawn="1"/>
        </p:nvSpPr>
        <p:spPr bwMode="white">
          <a:xfrm>
            <a:off x="2736000" y="6063916"/>
            <a:ext cx="1868400" cy="794084"/>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7" name="Picture 6" descr="A person running outside with trees in the background&#10;&#10;Description automatically generated"/>
          <p:cNvPicPr>
            <a:picLocks noGrp="1" noRot="1" noChangeAspect="1" noMove="1" noResize="1" noEditPoints="1" noAdjustHandles="1" noChangeArrowheads="1" noChangeShapeType="1" noCrop="1"/>
          </p:cNvPicPr>
          <p:nvPr userDrawn="1"/>
        </p:nvPicPr>
        <p:blipFill rotWithShape="1">
          <a:blip r:embed="rId2">
            <a:extLst>
              <a:ext uri="{28A0092B-C50C-407E-A947-70E740481C1C}">
                <a14:useLocalDpi xmlns:a14="http://schemas.microsoft.com/office/drawing/2010/main" val="0"/>
              </a:ext>
            </a:extLst>
          </a:blip>
          <a:srcRect l="1513" t="2124" r="37351" b="16994"/>
          <a:stretch>
            <a:fillRect/>
          </a:stretch>
        </p:blipFill>
        <p:spPr>
          <a:xfrm>
            <a:off x="4394200" y="0"/>
            <a:ext cx="7798562" cy="6857873"/>
          </a:xfrm>
          <a:custGeom>
            <a:avLst/>
            <a:gdLst>
              <a:gd name="connsiteX0" fmla="*/ 4145915 w 7798562"/>
              <a:gd name="connsiteY0" fmla="*/ 0 h 6857873"/>
              <a:gd name="connsiteX1" fmla="*/ 7798562 w 7798562"/>
              <a:gd name="connsiteY1" fmla="*/ 0 h 6857873"/>
              <a:gd name="connsiteX2" fmla="*/ 7798562 w 7798562"/>
              <a:gd name="connsiteY2" fmla="*/ 6857873 h 6857873"/>
              <a:gd name="connsiteX3" fmla="*/ 21209 w 7798562"/>
              <a:gd name="connsiteY3" fmla="*/ 6857873 h 6857873"/>
              <a:gd name="connsiteX4" fmla="*/ 0 w 7798562"/>
              <a:gd name="connsiteY4" fmla="*/ 6672072 h 6857873"/>
              <a:gd name="connsiteX5" fmla="*/ 0 w 7798562"/>
              <a:gd name="connsiteY5" fmla="*/ 4185158 h 6857873"/>
              <a:gd name="connsiteX6" fmla="*/ 828929 w 7798562"/>
              <a:gd name="connsiteY6" fmla="*/ 3356229 h 6857873"/>
              <a:gd name="connsiteX7" fmla="*/ 3523234 w 7798562"/>
              <a:gd name="connsiteY7" fmla="*/ 3356229 h 6857873"/>
              <a:gd name="connsiteX8" fmla="*/ 4144899 w 7798562"/>
              <a:gd name="connsiteY8" fmla="*/ 2734564 h 6857873"/>
              <a:gd name="connsiteX9" fmla="*/ 4144899 w 7798562"/>
              <a:gd name="connsiteY9" fmla="*/ 40386 h 6857873"/>
              <a:gd name="connsiteX10" fmla="*/ 4145915 w 7798562"/>
              <a:gd name="connsiteY10" fmla="*/ 0 h 68578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798562" h="6857873">
                <a:moveTo>
                  <a:pt x="4145915" y="0"/>
                </a:moveTo>
                <a:lnTo>
                  <a:pt x="7798562" y="0"/>
                </a:lnTo>
                <a:lnTo>
                  <a:pt x="7798562" y="6857873"/>
                </a:lnTo>
                <a:lnTo>
                  <a:pt x="21209" y="6857873"/>
                </a:lnTo>
                <a:cubicBezTo>
                  <a:pt x="7493" y="6798183"/>
                  <a:pt x="0" y="6735953"/>
                  <a:pt x="0" y="6672072"/>
                </a:cubicBezTo>
                <a:lnTo>
                  <a:pt x="0" y="4185158"/>
                </a:lnTo>
                <a:cubicBezTo>
                  <a:pt x="0" y="3727323"/>
                  <a:pt x="371094" y="3356229"/>
                  <a:pt x="828929" y="3356229"/>
                </a:cubicBezTo>
                <a:lnTo>
                  <a:pt x="3523234" y="3356229"/>
                </a:lnTo>
                <a:cubicBezTo>
                  <a:pt x="3866515" y="3356229"/>
                  <a:pt x="4144899" y="3077972"/>
                  <a:pt x="4144899" y="2734564"/>
                </a:cubicBezTo>
                <a:lnTo>
                  <a:pt x="4144899" y="40386"/>
                </a:lnTo>
                <a:cubicBezTo>
                  <a:pt x="4144899" y="26797"/>
                  <a:pt x="4145280" y="13335"/>
                  <a:pt x="4145915" y="0"/>
                </a:cubicBezTo>
                <a:close/>
              </a:path>
            </a:pathLst>
          </a:custGeom>
        </p:spPr>
      </p:pic>
      <p:sp>
        <p:nvSpPr>
          <p:cNvPr id="6" name="Title 5"/>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60000" y="1706400"/>
            <a:ext cx="37040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4" name="Text Placeholder notes"/>
          <p:cNvSpPr>
            <a:spLocks noGrp="1"/>
          </p:cNvSpPr>
          <p:nvPr>
            <p:ph type="body" sz="quarter" idx="16" hasCustomPrompt="1"/>
          </p:nvPr>
        </p:nvSpPr>
        <p:spPr>
          <a:xfrm>
            <a:off x="360000" y="5749200"/>
            <a:ext cx="37040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11" name="Legal dynamic" descr="{&quot;templafy&quot;:{&quot;id&quot;:&quot;6c4d0918-295a-428e-b172-01eba9a4cd39&quot;}}" title="Form.Cigna_Confidentiality.EvernorthConfidentiality"/>
          <p:cNvSpPr/>
          <p:nvPr userDrawn="1"/>
        </p:nvSpPr>
        <p:spPr bwMode="white">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bg1"/>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bg1"/>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0" name="Internal Stamp dynamic" descr="{&quot;templafy&quot;:{&quot;id&quot;:&quot;38dfeefc-0bb9-4e53-8848-5964c508b98a&quot;}}" title="Form.Cigna_Confidentiality.Cigna_confidentiality"/>
          <p:cNvSpPr/>
          <p:nvPr userDrawn="1"/>
        </p:nvSpPr>
        <p:spPr>
          <a:xfrm>
            <a:off x="2844000" y="6216565"/>
            <a:ext cx="140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accent3"/>
              </a:solidFill>
              <a:effectLst/>
              <a:latin typeface="Arial Narrow" panose="020B0606020202030204" pitchFamily="34" charset="0"/>
              <a:ea typeface="+mn-ea"/>
              <a:cs typeface="+mn-cs"/>
            </a:endParaRPr>
          </a:p>
        </p:txBody>
      </p:sp>
      <p:sp>
        <p:nvSpPr>
          <p:cNvPr id="5" name="Slide Number Placeholder 4"/>
          <p:cNvSpPr>
            <a:spLocks noGrp="1"/>
          </p:cNvSpPr>
          <p:nvPr>
            <p:ph type="sldNum" sz="quarter" idx="18"/>
          </p:nvPr>
        </p:nvSpPr>
        <p:spPr bwMode="white"/>
        <p:txBody>
          <a:bodyPr/>
          <a:lstStyle>
            <a:lvl1pPr>
              <a:defRPr>
                <a:solidFill>
                  <a:schemeClr val="bg1"/>
                </a:solidFill>
              </a:defRPr>
            </a:lvl1pPr>
          </a:lstStyle>
          <a:p>
            <a:fld id="{23AA811B-2EBD-4900-905E-5BE206449611}" type="slidenum">
              <a:rPr lang="en-US" smtClean="0"/>
            </a:fld>
            <a:endParaRPr lang="en-US" dirty="0"/>
          </a:p>
        </p:txBody>
      </p:sp>
      <p:sp>
        <p:nvSpPr>
          <p:cNvPr id="8" name="Date Placeholder 5"/>
          <p:cNvSpPr>
            <a:spLocks noGrp="1"/>
          </p:cNvSpPr>
          <p:nvPr>
            <p:ph type="dt" sz="half" idx="13"/>
          </p:nvPr>
        </p:nvSpPr>
        <p:spPr>
          <a:xfrm>
            <a:off x="10630800" y="6364800"/>
            <a:ext cx="691200" cy="180000"/>
          </a:xfrm>
        </p:spPr>
        <p:txBody>
          <a:bodyPr/>
          <a:lstStyle>
            <a:lvl1pPr>
              <a:defRPr>
                <a:solidFill>
                  <a:schemeClr val="bg2"/>
                </a:solidFill>
              </a:defRPr>
            </a:lvl1pPr>
          </a:lstStyle>
          <a:p>
            <a:fld id="{B118041E-2DAD-480C-AEE4-E661A097CFE4}" type="datetime1">
              <a:rPr lang="en-US" smtClean="0"/>
            </a:fld>
            <a:endParaRPr lang="en-US" dirty="0"/>
          </a:p>
        </p:txBody>
      </p:sp>
    </p:spTree>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A. Content and Image color">
    <p:bg>
      <p:bgPr>
        <a:solidFill>
          <a:schemeClr val="bg2"/>
        </a:solidFill>
        <a:effectLst/>
      </p:bgPr>
    </p:bg>
    <p:spTree>
      <p:nvGrpSpPr>
        <p:cNvPr id="1" name=""/>
        <p:cNvGrpSpPr/>
        <p:nvPr/>
      </p:nvGrpSpPr>
      <p:grpSpPr>
        <a:xfrm>
          <a:off x="0" y="0"/>
          <a:ext cx="0" cy="0"/>
          <a:chOff x="0" y="0"/>
          <a:chExt cx="0" cy="0"/>
        </a:xfrm>
      </p:grpSpPr>
      <p:sp>
        <p:nvSpPr>
          <p:cNvPr id="7" name="Picture Placeholder 17"/>
          <p:cNvSpPr>
            <a:spLocks noGrp="1"/>
          </p:cNvSpPr>
          <p:nvPr>
            <p:ph type="pic" sz="quarter" idx="20"/>
          </p:nvPr>
        </p:nvSpPr>
        <p:spPr>
          <a:xfrm>
            <a:off x="8128000" y="1772816"/>
            <a:ext cx="3706811" cy="4264384"/>
          </a:xfrm>
          <a:prstGeom prst="roundRect">
            <a:avLst>
              <a:gd name="adj" fmla="val 9634"/>
            </a:avLst>
          </a:prstGeom>
          <a:solidFill>
            <a:schemeClr val="bg1">
              <a:lumMod val="75000"/>
            </a:schemeClr>
          </a:solidFill>
        </p:spPr>
        <p:txBody>
          <a:bodyPr wrap="square" tIns="576000" anchor="ctr" anchorCtr="0">
            <a:noAutofit/>
          </a:bodyPr>
          <a:lstStyle>
            <a:lvl1pPr marL="0" indent="0" algn="ctr">
              <a:buNone/>
              <a:defRPr sz="1600">
                <a:solidFill>
                  <a:schemeClr val="tx1"/>
                </a:solidFill>
              </a:defRPr>
            </a:lvl1pPr>
          </a:lstStyle>
          <a:p>
            <a:r>
              <a:rPr lang="en-US" dirty="0"/>
              <a:t>Click icon to add picture</a:t>
            </a:r>
            <a:endParaRPr lang="en-US" dirty="0"/>
          </a:p>
        </p:txBody>
      </p:sp>
      <p:sp>
        <p:nvSpPr>
          <p:cNvPr id="6" name="Title 5"/>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60000" y="1706400"/>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 level</a:t>
            </a:r>
            <a:endParaRPr lang="en-US" dirty="0"/>
          </a:p>
        </p:txBody>
      </p:sp>
      <p:sp>
        <p:nvSpPr>
          <p:cNvPr id="14" name="Text Placeholder notes"/>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2"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A. 3 Content and Images color">
    <p:bg>
      <p:bgPr>
        <a:solidFill>
          <a:schemeClr val="bg2"/>
        </a:solidFill>
        <a:effectLst/>
      </p:bgPr>
    </p:bg>
    <p:spTree>
      <p:nvGrpSpPr>
        <p:cNvPr id="1" name=""/>
        <p:cNvGrpSpPr/>
        <p:nvPr/>
      </p:nvGrpSpPr>
      <p:grpSpPr>
        <a:xfrm>
          <a:off x="0" y="0"/>
          <a:ext cx="0" cy="0"/>
          <a:chOff x="0" y="0"/>
          <a:chExt cx="0" cy="0"/>
        </a:xfrm>
      </p:grpSpPr>
      <p:sp>
        <p:nvSpPr>
          <p:cNvPr id="10" name="Picture Placeholder 7"/>
          <p:cNvSpPr>
            <a:spLocks noGrp="1"/>
          </p:cNvSpPr>
          <p:nvPr>
            <p:ph type="pic" sz="quarter" idx="11"/>
          </p:nvPr>
        </p:nvSpPr>
        <p:spPr>
          <a:xfrm>
            <a:off x="358774"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endParaRPr lang="en-US" dirty="0"/>
          </a:p>
        </p:txBody>
      </p:sp>
      <p:sp>
        <p:nvSpPr>
          <p:cNvPr id="13" name="Picture Placeholder 7"/>
          <p:cNvSpPr>
            <a:spLocks noGrp="1"/>
          </p:cNvSpPr>
          <p:nvPr>
            <p:ph type="pic" sz="quarter" idx="21"/>
          </p:nvPr>
        </p:nvSpPr>
        <p:spPr>
          <a:xfrm>
            <a:off x="4243387"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endParaRPr lang="en-US" dirty="0"/>
          </a:p>
        </p:txBody>
      </p:sp>
      <p:sp>
        <p:nvSpPr>
          <p:cNvPr id="14" name="Picture Placeholder 7"/>
          <p:cNvSpPr>
            <a:spLocks noGrp="1"/>
          </p:cNvSpPr>
          <p:nvPr>
            <p:ph type="pic" sz="quarter" idx="22"/>
          </p:nvPr>
        </p:nvSpPr>
        <p:spPr>
          <a:xfrm>
            <a:off x="8128000"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dirty="0"/>
              <a:t>Click icon to add picture</a:t>
            </a:r>
            <a:endParaRPr lang="en-US" dirty="0"/>
          </a:p>
        </p:txBody>
      </p:sp>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540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59999"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5" name="Text Placeholder sub 2"/>
          <p:cNvSpPr>
            <a:spLocks noGrp="1"/>
          </p:cNvSpPr>
          <p:nvPr>
            <p:ph type="body" sz="quarter" idx="23" hasCustomPrompt="1"/>
          </p:nvPr>
        </p:nvSpPr>
        <p:spPr>
          <a:xfrm>
            <a:off x="359998"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dirty="0"/>
          </a:p>
        </p:txBody>
      </p:sp>
      <p:sp>
        <p:nvSpPr>
          <p:cNvPr id="7" name="Content Placeholder 3"/>
          <p:cNvSpPr>
            <a:spLocks noGrp="1"/>
          </p:cNvSpPr>
          <p:nvPr>
            <p:ph sz="half" idx="2" hasCustomPrompt="1"/>
          </p:nvPr>
        </p:nvSpPr>
        <p:spPr>
          <a:xfrm>
            <a:off x="4243387"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6" name="Text Placeholder sub 3"/>
          <p:cNvSpPr>
            <a:spLocks noGrp="1"/>
          </p:cNvSpPr>
          <p:nvPr>
            <p:ph type="body" sz="quarter" idx="24" hasCustomPrompt="1"/>
          </p:nvPr>
        </p:nvSpPr>
        <p:spPr>
          <a:xfrm>
            <a:off x="4243387"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dirty="0"/>
          </a:p>
        </p:txBody>
      </p:sp>
      <p:sp>
        <p:nvSpPr>
          <p:cNvPr id="8" name="Content Placeholder 4"/>
          <p:cNvSpPr>
            <a:spLocks noGrp="1"/>
          </p:cNvSpPr>
          <p:nvPr>
            <p:ph sz="half" idx="20" hasCustomPrompt="1"/>
          </p:nvPr>
        </p:nvSpPr>
        <p:spPr>
          <a:xfrm>
            <a:off x="8128000"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7" name="Text Placeholder sub 4"/>
          <p:cNvSpPr>
            <a:spLocks noGrp="1"/>
          </p:cNvSpPr>
          <p:nvPr>
            <p:ph type="body" sz="quarter" idx="25" hasCustomPrompt="1"/>
          </p:nvPr>
        </p:nvSpPr>
        <p:spPr>
          <a:xfrm>
            <a:off x="8128000"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dirty="0"/>
          </a:p>
        </p:txBody>
      </p:sp>
      <p:sp>
        <p:nvSpPr>
          <p:cNvPr id="11" name="Text Placeholder notes"/>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9"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A. 4 col_content and icon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3" name="Content Placeholder 2"/>
          <p:cNvSpPr>
            <a:spLocks noGrp="1"/>
          </p:cNvSpPr>
          <p:nvPr>
            <p:ph idx="1" hasCustomPrompt="1"/>
          </p:nvPr>
        </p:nvSpPr>
        <p:spPr>
          <a:xfrm>
            <a:off x="359999" y="2509594"/>
            <a:ext cx="2732451"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dirty="0"/>
          </a:p>
        </p:txBody>
      </p:sp>
      <p:sp>
        <p:nvSpPr>
          <p:cNvPr id="7" name="Content Placeholder 3"/>
          <p:cNvSpPr>
            <a:spLocks noGrp="1"/>
          </p:cNvSpPr>
          <p:nvPr>
            <p:ph sz="half" idx="2" hasCustomPrompt="1"/>
          </p:nvPr>
        </p:nvSpPr>
        <p:spPr>
          <a:xfrm>
            <a:off x="3273576"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dirty="0"/>
          </a:p>
        </p:txBody>
      </p:sp>
      <p:sp>
        <p:nvSpPr>
          <p:cNvPr id="8" name="Content Placeholder 3"/>
          <p:cNvSpPr>
            <a:spLocks noGrp="1"/>
          </p:cNvSpPr>
          <p:nvPr>
            <p:ph sz="half" idx="20" hasCustomPrompt="1"/>
          </p:nvPr>
        </p:nvSpPr>
        <p:spPr>
          <a:xfrm>
            <a:off x="6187102"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dirty="0"/>
          </a:p>
        </p:txBody>
      </p:sp>
      <p:sp>
        <p:nvSpPr>
          <p:cNvPr id="12" name="Content Placeholder 3"/>
          <p:cNvSpPr>
            <a:spLocks noGrp="1"/>
          </p:cNvSpPr>
          <p:nvPr>
            <p:ph sz="half" idx="21" hasCustomPrompt="1"/>
          </p:nvPr>
        </p:nvSpPr>
        <p:spPr>
          <a:xfrm>
            <a:off x="9100629"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dirty="0"/>
          </a:p>
        </p:txBody>
      </p:sp>
      <p:sp>
        <p:nvSpPr>
          <p:cNvPr id="13" name="Content Placeholder 12"/>
          <p:cNvSpPr>
            <a:spLocks noGrp="1"/>
          </p:cNvSpPr>
          <p:nvPr>
            <p:ph sz="quarter" idx="22" hasCustomPrompt="1"/>
          </p:nvPr>
        </p:nvSpPr>
        <p:spPr>
          <a:xfrm>
            <a:off x="360000"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4" name="Content Placeholder 12"/>
          <p:cNvSpPr>
            <a:spLocks noGrp="1"/>
          </p:cNvSpPr>
          <p:nvPr>
            <p:ph sz="quarter" idx="23" hasCustomPrompt="1"/>
          </p:nvPr>
        </p:nvSpPr>
        <p:spPr>
          <a:xfrm>
            <a:off x="3273576"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5" name="Content Placeholder 12"/>
          <p:cNvSpPr>
            <a:spLocks noGrp="1"/>
          </p:cNvSpPr>
          <p:nvPr>
            <p:ph sz="quarter" idx="24" hasCustomPrompt="1"/>
          </p:nvPr>
        </p:nvSpPr>
        <p:spPr>
          <a:xfrm>
            <a:off x="6187102"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6" name="Content Placeholder 12"/>
          <p:cNvSpPr>
            <a:spLocks noGrp="1"/>
          </p:cNvSpPr>
          <p:nvPr>
            <p:ph sz="quarter" idx="25" hasCustomPrompt="1"/>
          </p:nvPr>
        </p:nvSpPr>
        <p:spPr>
          <a:xfrm>
            <a:off x="9100629"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1" name="Text Placeholder notes"/>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9"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B. 4 col_content and icon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p:cNvSpPr>
            <a:spLocks noGrp="1"/>
          </p:cNvSpPr>
          <p:nvPr>
            <p:ph type="body" sz="quarter" idx="19" hasCustomPrompt="1"/>
          </p:nvPr>
        </p:nvSpPr>
        <p:spPr>
          <a:xfrm>
            <a:off x="360000" y="769232"/>
            <a:ext cx="7588800"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dirty="0"/>
          </a:p>
        </p:txBody>
      </p:sp>
      <p:sp>
        <p:nvSpPr>
          <p:cNvPr id="17" name="Text Placeholder 16"/>
          <p:cNvSpPr>
            <a:spLocks noGrp="1"/>
          </p:cNvSpPr>
          <p:nvPr>
            <p:ph type="body" sz="quarter" idx="26" hasCustomPrompt="1"/>
          </p:nvPr>
        </p:nvSpPr>
        <p:spPr>
          <a:xfrm>
            <a:off x="358775"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3" name="Content Placeholder 2"/>
          <p:cNvSpPr>
            <a:spLocks noGrp="1"/>
          </p:cNvSpPr>
          <p:nvPr>
            <p:ph idx="1" hasCustomPrompt="1"/>
          </p:nvPr>
        </p:nvSpPr>
        <p:spPr>
          <a:xfrm>
            <a:off x="35999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8" name="Text Placeholder 16"/>
          <p:cNvSpPr>
            <a:spLocks noGrp="1"/>
          </p:cNvSpPr>
          <p:nvPr>
            <p:ph type="body" sz="quarter" idx="27" hasCustomPrompt="1"/>
          </p:nvPr>
        </p:nvSpPr>
        <p:spPr>
          <a:xfrm>
            <a:off x="3273576"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7" name="Content Placeholder 3"/>
          <p:cNvSpPr>
            <a:spLocks noGrp="1"/>
          </p:cNvSpPr>
          <p:nvPr>
            <p:ph sz="half" idx="2" hasCustomPrompt="1"/>
          </p:nvPr>
        </p:nvSpPr>
        <p:spPr>
          <a:xfrm>
            <a:off x="3273576"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9" name="Text Placeholder 16"/>
          <p:cNvSpPr>
            <a:spLocks noGrp="1"/>
          </p:cNvSpPr>
          <p:nvPr>
            <p:ph type="body" sz="quarter" idx="28" hasCustomPrompt="1"/>
          </p:nvPr>
        </p:nvSpPr>
        <p:spPr>
          <a:xfrm>
            <a:off x="6187102"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8" name="Content Placeholder 3"/>
          <p:cNvSpPr>
            <a:spLocks noGrp="1"/>
          </p:cNvSpPr>
          <p:nvPr>
            <p:ph sz="half" idx="20" hasCustomPrompt="1"/>
          </p:nvPr>
        </p:nvSpPr>
        <p:spPr>
          <a:xfrm>
            <a:off x="6187102"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20" name="Text Placeholder 16"/>
          <p:cNvSpPr>
            <a:spLocks noGrp="1"/>
          </p:cNvSpPr>
          <p:nvPr>
            <p:ph type="body" sz="quarter" idx="29" hasCustomPrompt="1"/>
          </p:nvPr>
        </p:nvSpPr>
        <p:spPr>
          <a:xfrm>
            <a:off x="9100629"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12" name="Content Placeholder 3"/>
          <p:cNvSpPr>
            <a:spLocks noGrp="1"/>
          </p:cNvSpPr>
          <p:nvPr>
            <p:ph sz="half" idx="21" hasCustomPrompt="1"/>
          </p:nvPr>
        </p:nvSpPr>
        <p:spPr>
          <a:xfrm>
            <a:off x="910062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3" name="Content Placeholder 12"/>
          <p:cNvSpPr>
            <a:spLocks noGrp="1"/>
          </p:cNvSpPr>
          <p:nvPr>
            <p:ph sz="quarter" idx="22" hasCustomPrompt="1"/>
          </p:nvPr>
        </p:nvSpPr>
        <p:spPr>
          <a:xfrm>
            <a:off x="360000"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4" name="Content Placeholder 12"/>
          <p:cNvSpPr>
            <a:spLocks noGrp="1"/>
          </p:cNvSpPr>
          <p:nvPr>
            <p:ph sz="quarter" idx="23" hasCustomPrompt="1"/>
          </p:nvPr>
        </p:nvSpPr>
        <p:spPr>
          <a:xfrm>
            <a:off x="3273576"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5" name="Content Placeholder 12"/>
          <p:cNvSpPr>
            <a:spLocks noGrp="1"/>
          </p:cNvSpPr>
          <p:nvPr>
            <p:ph sz="quarter" idx="24" hasCustomPrompt="1"/>
          </p:nvPr>
        </p:nvSpPr>
        <p:spPr>
          <a:xfrm>
            <a:off x="6187102"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6" name="Content Placeholder 12"/>
          <p:cNvSpPr>
            <a:spLocks noGrp="1"/>
          </p:cNvSpPr>
          <p:nvPr>
            <p:ph sz="quarter" idx="25" hasCustomPrompt="1"/>
          </p:nvPr>
        </p:nvSpPr>
        <p:spPr>
          <a:xfrm>
            <a:off x="9100629"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dirty="0"/>
          </a:p>
        </p:txBody>
      </p:sp>
      <p:sp>
        <p:nvSpPr>
          <p:cNvPr id="11" name="Text Placeholder notes"/>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9"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A. 4 col_content color">
    <p:bg>
      <p:bgPr>
        <a:solidFill>
          <a:schemeClr val="bg2"/>
        </a:solidFill>
        <a:effectLst/>
      </p:bgPr>
    </p:bg>
    <p:spTree>
      <p:nvGrpSpPr>
        <p:cNvPr id="1" name=""/>
        <p:cNvGrpSpPr/>
        <p:nvPr/>
      </p:nvGrpSpPr>
      <p:grpSpPr>
        <a:xfrm>
          <a:off x="0" y="0"/>
          <a:ext cx="0" cy="0"/>
          <a:chOff x="0" y="0"/>
          <a:chExt cx="0" cy="0"/>
        </a:xfrm>
      </p:grpSpPr>
      <p:pic>
        <p:nvPicPr>
          <p:cNvPr id="27" name="Graphic 26"/>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a:fillRect/>
          </a:stretch>
        </p:blipFill>
        <p:spPr>
          <a:xfrm>
            <a:off x="7" y="2699448"/>
            <a:ext cx="12191986" cy="309033"/>
          </a:xfrm>
          <a:prstGeom prst="rect">
            <a:avLst/>
          </a:prstGeom>
        </p:spPr>
      </p:pic>
      <p:sp>
        <p:nvSpPr>
          <p:cNvPr id="2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23" name="Text Placeholder eyebrow"/>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dirty="0"/>
          </a:p>
        </p:txBody>
      </p:sp>
      <p:sp>
        <p:nvSpPr>
          <p:cNvPr id="17" name="Text Placeholder 16"/>
          <p:cNvSpPr>
            <a:spLocks noGrp="1"/>
          </p:cNvSpPr>
          <p:nvPr>
            <p:ph type="body" sz="quarter" idx="26" hasCustomPrompt="1"/>
          </p:nvPr>
        </p:nvSpPr>
        <p:spPr>
          <a:xfrm>
            <a:off x="358775" y="3225100"/>
            <a:ext cx="2052000" cy="394399"/>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3" name="Content Placeholder 2"/>
          <p:cNvSpPr>
            <a:spLocks noGrp="1"/>
          </p:cNvSpPr>
          <p:nvPr>
            <p:ph idx="1" hasCustomPrompt="1"/>
          </p:nvPr>
        </p:nvSpPr>
        <p:spPr>
          <a:xfrm>
            <a:off x="359999"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8" name="Text Placeholder 16"/>
          <p:cNvSpPr>
            <a:spLocks noGrp="1"/>
          </p:cNvSpPr>
          <p:nvPr>
            <p:ph type="body" sz="quarter" idx="27" hasCustomPrompt="1"/>
          </p:nvPr>
        </p:nvSpPr>
        <p:spPr>
          <a:xfrm>
            <a:off x="2713197"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7" name="Content Placeholder 3"/>
          <p:cNvSpPr>
            <a:spLocks noGrp="1"/>
          </p:cNvSpPr>
          <p:nvPr>
            <p:ph sz="half" idx="2" hasCustomPrompt="1"/>
          </p:nvPr>
        </p:nvSpPr>
        <p:spPr>
          <a:xfrm>
            <a:off x="2714115"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9" name="Text Placeholder 16"/>
          <p:cNvSpPr>
            <a:spLocks noGrp="1"/>
          </p:cNvSpPr>
          <p:nvPr>
            <p:ph type="body" sz="quarter" idx="28" hasCustomPrompt="1"/>
          </p:nvPr>
        </p:nvSpPr>
        <p:spPr>
          <a:xfrm>
            <a:off x="5067619"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8" name="Content Placeholder 3"/>
          <p:cNvSpPr>
            <a:spLocks noGrp="1"/>
          </p:cNvSpPr>
          <p:nvPr>
            <p:ph sz="half" idx="20" hasCustomPrompt="1"/>
          </p:nvPr>
        </p:nvSpPr>
        <p:spPr>
          <a:xfrm>
            <a:off x="5068231"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20" name="Text Placeholder 16"/>
          <p:cNvSpPr>
            <a:spLocks noGrp="1"/>
          </p:cNvSpPr>
          <p:nvPr>
            <p:ph type="body" sz="quarter" idx="29" hasCustomPrompt="1"/>
          </p:nvPr>
        </p:nvSpPr>
        <p:spPr>
          <a:xfrm>
            <a:off x="7422041"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12" name="Content Placeholder 3"/>
          <p:cNvSpPr>
            <a:spLocks noGrp="1"/>
          </p:cNvSpPr>
          <p:nvPr>
            <p:ph sz="half" idx="21" hasCustomPrompt="1"/>
          </p:nvPr>
        </p:nvSpPr>
        <p:spPr>
          <a:xfrm>
            <a:off x="7422347"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0" name="Text Placeholder 16"/>
          <p:cNvSpPr>
            <a:spLocks noGrp="1"/>
          </p:cNvSpPr>
          <p:nvPr>
            <p:ph type="body" sz="quarter" idx="30" hasCustomPrompt="1"/>
          </p:nvPr>
        </p:nvSpPr>
        <p:spPr>
          <a:xfrm>
            <a:off x="9776463"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21" name="Content Placeholder 3"/>
          <p:cNvSpPr>
            <a:spLocks noGrp="1"/>
          </p:cNvSpPr>
          <p:nvPr>
            <p:ph sz="half" idx="31" hasCustomPrompt="1"/>
          </p:nvPr>
        </p:nvSpPr>
        <p:spPr>
          <a:xfrm>
            <a:off x="9776463"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1" name="Text Placeholder notes"/>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dirty="0"/>
          </a:p>
        </p:txBody>
      </p:sp>
      <p:sp>
        <p:nvSpPr>
          <p:cNvPr id="5" name="Slide Number Placeholder 4"/>
          <p:cNvSpPr>
            <a:spLocks noGrp="1"/>
          </p:cNvSpPr>
          <p:nvPr>
            <p:ph type="sldNum" sz="quarter" idx="18"/>
          </p:nvPr>
        </p:nvSpPr>
        <p:spPr/>
        <p:txBody>
          <a:bodyPr/>
          <a:lstStyle/>
          <a:p>
            <a:fld id="{23AA811B-2EBD-4900-905E-5BE206449611}" type="slidenum">
              <a:rPr lang="en-US" smtClean="0"/>
            </a:fld>
            <a:endParaRPr lang="en-US" dirty="0"/>
          </a:p>
        </p:txBody>
      </p:sp>
      <p:sp>
        <p:nvSpPr>
          <p:cNvPr id="2" name="Date Placeholder 5"/>
          <p:cNvSpPr>
            <a:spLocks noGrp="1"/>
          </p:cNvSpPr>
          <p:nvPr>
            <p:ph type="dt" sz="half" idx="13"/>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A. Infographic">
    <p:spTree>
      <p:nvGrpSpPr>
        <p:cNvPr id="1" name=""/>
        <p:cNvGrpSpPr/>
        <p:nvPr/>
      </p:nvGrpSpPr>
      <p:grpSpPr>
        <a:xfrm>
          <a:off x="0" y="0"/>
          <a:ext cx="0" cy="0"/>
          <a:chOff x="0" y="0"/>
          <a:chExt cx="0" cy="0"/>
        </a:xfrm>
      </p:grpSpPr>
      <p:sp>
        <p:nvSpPr>
          <p:cNvPr id="7" name="Picture Placeholder 3"/>
          <p:cNvSpPr>
            <a:spLocks noGrp="1"/>
          </p:cNvSpPr>
          <p:nvPr>
            <p:ph type="pic" sz="quarter" idx="13"/>
          </p:nvPr>
        </p:nvSpPr>
        <p:spPr>
          <a:xfrm>
            <a:off x="4963373" y="293689"/>
            <a:ext cx="6865090" cy="5454650"/>
          </a:xfrm>
          <a:prstGeom prst="roundRect">
            <a:avLst>
              <a:gd name="adj" fmla="val 8062"/>
            </a:avLst>
          </a:prstGeom>
          <a:solidFill>
            <a:schemeClr val="bg1">
              <a:lumMod val="75000"/>
            </a:schemeClr>
          </a:solidFill>
        </p:spPr>
        <p:txBody>
          <a:bodyPr tIns="576000" anchor="ctr" anchorCtr="0"/>
          <a:lstStyle>
            <a:lvl1pPr marL="0" indent="0" algn="ctr">
              <a:buNone/>
              <a:defRPr sz="1600">
                <a:solidFill>
                  <a:schemeClr val="tx1"/>
                </a:solidFill>
              </a:defRPr>
            </a:lvl1pPr>
          </a:lstStyle>
          <a:p>
            <a:r>
              <a:rPr lang="en-US" dirty="0"/>
              <a:t>Click icon to add picture</a:t>
            </a:r>
            <a:endParaRPr lang="en-US" dirty="0"/>
          </a:p>
        </p:txBody>
      </p:sp>
      <p:sp>
        <p:nvSpPr>
          <p:cNvPr id="2" name="Title 1"/>
          <p:cNvSpPr>
            <a:spLocks noGrp="1"/>
          </p:cNvSpPr>
          <p:nvPr>
            <p:ph type="title" hasCustomPrompt="1"/>
          </p:nvPr>
        </p:nvSpPr>
        <p:spPr bwMode="invGray">
          <a:xfrm>
            <a:off x="360000" y="295199"/>
            <a:ext cx="4279377" cy="5453139"/>
          </a:xfrm>
          <a:prstGeom prst="roundRect">
            <a:avLst>
              <a:gd name="adj" fmla="val 10275"/>
            </a:avLst>
          </a:prstGeom>
          <a:solidFill>
            <a:srgbClr val="008F83"/>
          </a:solidFill>
        </p:spPr>
        <p:txBody>
          <a:bodyPr lIns="252000" tIns="324000" rIns="252000" bIns="1800000"/>
          <a:lstStyle>
            <a:lvl1pPr>
              <a:defRPr>
                <a:solidFill>
                  <a:schemeClr val="bg2"/>
                </a:solidFill>
              </a:defRPr>
            </a:lvl1pPr>
          </a:lstStyle>
          <a:p>
            <a:r>
              <a:rPr lang="en-US" noProof="0" dirty="0"/>
              <a:t>Click to add title</a:t>
            </a:r>
            <a:endParaRPr lang="en-US" dirty="0"/>
          </a:p>
        </p:txBody>
      </p:sp>
      <p:sp>
        <p:nvSpPr>
          <p:cNvPr id="12" name="Text Placeholder 11"/>
          <p:cNvSpPr>
            <a:spLocks noGrp="1"/>
          </p:cNvSpPr>
          <p:nvPr>
            <p:ph type="body" sz="quarter" idx="14" hasCustomPrompt="1"/>
          </p:nvPr>
        </p:nvSpPr>
        <p:spPr bwMode="ltGray">
          <a:xfrm>
            <a:off x="360000" y="2261523"/>
            <a:ext cx="4280400" cy="3486816"/>
          </a:xfrm>
        </p:spPr>
        <p:txBody>
          <a:bodyPr lIns="396000" rIns="396000" bIns="360000"/>
          <a:lstStyle>
            <a:lvl1pPr>
              <a:defRPr>
                <a:solidFill>
                  <a:schemeClr val="bg2"/>
                </a:solidFill>
              </a:defRPr>
            </a:lvl1pPr>
            <a:lvl2pPr>
              <a:defRPr>
                <a:solidFill>
                  <a:schemeClr val="bg2"/>
                </a:solidFill>
              </a:defRPr>
            </a:lvl2pPr>
            <a:lvl3pPr>
              <a:defRPr>
                <a:solidFill>
                  <a:schemeClr val="bg2"/>
                </a:solidFill>
              </a:defRPr>
            </a:lvl3pPr>
            <a:lvl4pPr>
              <a:defRPr>
                <a:solidFill>
                  <a:schemeClr val="bg2"/>
                </a:solidFill>
              </a:defRPr>
            </a:lvl4pPr>
            <a:lvl5pPr>
              <a:defRPr>
                <a:solidFill>
                  <a:schemeClr val="bg2"/>
                </a:solidFill>
              </a:defRPr>
            </a:lvl5pPr>
            <a:lvl6pPr>
              <a:defRPr>
                <a:solidFill>
                  <a:schemeClr val="bg2"/>
                </a:solidFill>
              </a:defRPr>
            </a:lvl6pPr>
            <a:lvl7pPr>
              <a:defRPr>
                <a:solidFill>
                  <a:schemeClr val="bg2"/>
                </a:solidFill>
              </a:defRPr>
            </a:lvl7pPr>
            <a:lvl8pPr>
              <a:defRPr>
                <a:solidFill>
                  <a:schemeClr val="bg2"/>
                </a:solidFill>
              </a:defRPr>
            </a:lvl8pPr>
            <a:lvl9pPr>
              <a:defRPr>
                <a:solidFill>
                  <a:schemeClr val="bg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a:t>
            </a:r>
            <a:endParaRPr lang="en-US" dirty="0"/>
          </a:p>
        </p:txBody>
      </p:sp>
      <p:sp>
        <p:nvSpPr>
          <p:cNvPr id="4" name="Slide Number Placeholder 3"/>
          <p:cNvSpPr>
            <a:spLocks noGrp="1"/>
          </p:cNvSpPr>
          <p:nvPr>
            <p:ph type="sldNum" sz="quarter" idx="11"/>
          </p:nvPr>
        </p:nvSpPr>
        <p:spPr/>
        <p:txBody>
          <a:bodyPr/>
          <a:lstStyle/>
          <a:p>
            <a:fld id="{23AA811B-2EBD-4900-905E-5BE206449611}" type="slidenum">
              <a:rPr lang="en-US" smtClean="0"/>
            </a:fld>
            <a:endParaRPr lang="en-US" dirty="0"/>
          </a:p>
        </p:txBody>
      </p:sp>
      <p:sp>
        <p:nvSpPr>
          <p:cNvPr id="5" name="Date Placeholder 5"/>
          <p:cNvSpPr>
            <a:spLocks noGrp="1"/>
          </p:cNvSpPr>
          <p:nvPr>
            <p:ph type="dt" sz="half" idx="15"/>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B. Infographic">
    <p:bg>
      <p:bgPr>
        <a:solidFill>
          <a:srgbClr val="035C67"/>
        </a:solidFill>
        <a:effectLst/>
      </p:bgPr>
    </p:bg>
    <p:spTree>
      <p:nvGrpSpPr>
        <p:cNvPr id="1" name=""/>
        <p:cNvGrpSpPr/>
        <p:nvPr/>
      </p:nvGrpSpPr>
      <p:grpSpPr>
        <a:xfrm>
          <a:off x="0" y="0"/>
          <a:ext cx="0" cy="0"/>
          <a:chOff x="0" y="0"/>
          <a:chExt cx="0" cy="0"/>
        </a:xfrm>
      </p:grpSpPr>
      <p:sp>
        <p:nvSpPr>
          <p:cNvPr id="9"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Picture Placeholder 3"/>
          <p:cNvSpPr>
            <a:spLocks noGrp="1"/>
          </p:cNvSpPr>
          <p:nvPr>
            <p:ph type="pic" sz="quarter" idx="13"/>
          </p:nvPr>
        </p:nvSpPr>
        <p:spPr>
          <a:xfrm>
            <a:off x="4963373" y="293689"/>
            <a:ext cx="6865090" cy="5454650"/>
          </a:xfrm>
          <a:prstGeom prst="roundRect">
            <a:avLst>
              <a:gd name="adj" fmla="val 8062"/>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endParaRPr lang="en-US" dirty="0"/>
          </a:p>
        </p:txBody>
      </p:sp>
      <p:sp>
        <p:nvSpPr>
          <p:cNvPr id="2" name="Title 1"/>
          <p:cNvSpPr>
            <a:spLocks noGrp="1"/>
          </p:cNvSpPr>
          <p:nvPr>
            <p:ph type="title" hasCustomPrompt="1"/>
          </p:nvPr>
        </p:nvSpPr>
        <p:spPr>
          <a:xfrm>
            <a:off x="360000" y="295199"/>
            <a:ext cx="4279377" cy="5453139"/>
          </a:xfrm>
          <a:prstGeom prst="roundRect">
            <a:avLst>
              <a:gd name="adj" fmla="val 10275"/>
            </a:avLst>
          </a:prstGeom>
          <a:solidFill>
            <a:srgbClr val="3EFFC0"/>
          </a:solidFill>
        </p:spPr>
        <p:txBody>
          <a:bodyPr lIns="252000" tIns="324000" rIns="252000" bIns="1800000"/>
          <a:lstStyle>
            <a:lvl1pPr>
              <a:defRPr>
                <a:solidFill>
                  <a:schemeClr val="bg2"/>
                </a:solidFill>
              </a:defRPr>
            </a:lvl1pPr>
          </a:lstStyle>
          <a:p>
            <a:r>
              <a:rPr lang="en-US" noProof="0" dirty="0"/>
              <a:t>Click to add title</a:t>
            </a:r>
            <a:endParaRPr lang="en-US" dirty="0"/>
          </a:p>
        </p:txBody>
      </p:sp>
      <p:sp>
        <p:nvSpPr>
          <p:cNvPr id="12" name="Text Placeholder 11"/>
          <p:cNvSpPr>
            <a:spLocks noGrp="1"/>
          </p:cNvSpPr>
          <p:nvPr>
            <p:ph type="body" sz="quarter" idx="14" hasCustomPrompt="1"/>
          </p:nvPr>
        </p:nvSpPr>
        <p:spPr>
          <a:xfrm>
            <a:off x="360000" y="2261523"/>
            <a:ext cx="4280400" cy="3486816"/>
          </a:xfrm>
        </p:spPr>
        <p:txBody>
          <a:bodyPr lIns="396000" rIns="396000" bIns="360000"/>
          <a:lstStyle>
            <a:lvl1pPr>
              <a:defRPr>
                <a:solidFill>
                  <a:schemeClr val="bg2"/>
                </a:solidFill>
              </a:defRPr>
            </a:lvl1pPr>
            <a:lvl2pPr>
              <a:defRPr>
                <a:solidFill>
                  <a:schemeClr val="bg2"/>
                </a:solidFill>
              </a:defRPr>
            </a:lvl2pPr>
            <a:lvl3pPr>
              <a:defRPr>
                <a:solidFill>
                  <a:schemeClr val="bg2"/>
                </a:solidFill>
              </a:defRPr>
            </a:lvl3pPr>
            <a:lvl4pPr>
              <a:defRPr>
                <a:solidFill>
                  <a:schemeClr val="bg2"/>
                </a:solidFill>
              </a:defRPr>
            </a:lvl4pPr>
            <a:lvl5pPr>
              <a:defRPr>
                <a:solidFill>
                  <a:schemeClr val="bg2"/>
                </a:solidFill>
              </a:defRPr>
            </a:lvl5pPr>
            <a:lvl6pPr>
              <a:defRPr>
                <a:solidFill>
                  <a:schemeClr val="bg2"/>
                </a:solidFill>
              </a:defRPr>
            </a:lvl6pPr>
            <a:lvl7pPr>
              <a:defRPr>
                <a:solidFill>
                  <a:schemeClr val="bg2"/>
                </a:solidFill>
              </a:defRPr>
            </a:lvl7pPr>
            <a:lvl8pPr>
              <a:defRPr>
                <a:solidFill>
                  <a:schemeClr val="bg2"/>
                </a:solidFill>
              </a:defRPr>
            </a:lvl8pPr>
            <a:lvl9pPr>
              <a:defRPr>
                <a:solidFill>
                  <a:schemeClr val="bg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a:t>
            </a:r>
            <a:endParaRPr lang="en-US" dirty="0"/>
          </a:p>
        </p:txBody>
      </p:sp>
      <p:sp>
        <p:nvSpPr>
          <p:cNvPr id="10" name="Legal dynamic" descr="{&quot;templafy&quot;:{&quot;id&quot;:&quot;9a5ba6bf-a997-4bd8-9dc7-0f58d4fce2cf&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1" name="Internal Stamp dynamic" descr="{&quot;templafy&quot;:{&quot;id&quot;:&quot;02f2010d-6665-48ca-90db-ede80781cf17&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525769818" name="Dynamic logo hypermint" descr="{&quot;templafy&quot;:{&quot;id&quot;:&quot;1fe04f7c-c440-4b35-a248-14bf9e3c8554&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5" name="Date Placeholder 5"/>
          <p:cNvSpPr>
            <a:spLocks noGrp="1"/>
          </p:cNvSpPr>
          <p:nvPr>
            <p:ph type="dt" sz="half" idx="15"/>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C. Infographic">
    <p:bg>
      <p:bgPr>
        <a:solidFill>
          <a:srgbClr val="035C67"/>
        </a:solidFill>
        <a:effectLst/>
      </p:bgPr>
    </p:bg>
    <p:spTree>
      <p:nvGrpSpPr>
        <p:cNvPr id="1" name=""/>
        <p:cNvGrpSpPr/>
        <p:nvPr/>
      </p:nvGrpSpPr>
      <p:grpSpPr>
        <a:xfrm>
          <a:off x="0" y="0"/>
          <a:ext cx="0" cy="0"/>
          <a:chOff x="0" y="0"/>
          <a:chExt cx="0" cy="0"/>
        </a:xfrm>
      </p:grpSpPr>
      <p:sp>
        <p:nvSpPr>
          <p:cNvPr id="9"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Picture Placeholder 3"/>
          <p:cNvSpPr>
            <a:spLocks noGrp="1"/>
          </p:cNvSpPr>
          <p:nvPr>
            <p:ph type="pic" sz="quarter" idx="13"/>
          </p:nvPr>
        </p:nvSpPr>
        <p:spPr>
          <a:xfrm>
            <a:off x="4963373" y="293689"/>
            <a:ext cx="6865090" cy="5454650"/>
          </a:xfrm>
          <a:prstGeom prst="roundRect">
            <a:avLst>
              <a:gd name="adj" fmla="val 8062"/>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endParaRPr lang="en-US" dirty="0"/>
          </a:p>
        </p:txBody>
      </p:sp>
      <p:sp>
        <p:nvSpPr>
          <p:cNvPr id="2" name="Title 1"/>
          <p:cNvSpPr>
            <a:spLocks noGrp="1"/>
          </p:cNvSpPr>
          <p:nvPr>
            <p:ph type="title" hasCustomPrompt="1"/>
          </p:nvPr>
        </p:nvSpPr>
        <p:spPr>
          <a:xfrm>
            <a:off x="360000" y="295199"/>
            <a:ext cx="4279377" cy="5453139"/>
          </a:xfrm>
          <a:prstGeom prst="roundRect">
            <a:avLst>
              <a:gd name="adj" fmla="val 10275"/>
            </a:avLst>
          </a:prstGeom>
          <a:solidFill>
            <a:schemeClr val="tx2"/>
          </a:solidFill>
        </p:spPr>
        <p:txBody>
          <a:bodyPr lIns="252000" tIns="324000" rIns="252000" bIns="1800000"/>
          <a:lstStyle>
            <a:lvl1pPr>
              <a:defRPr>
                <a:solidFill>
                  <a:schemeClr val="bg2"/>
                </a:solidFill>
              </a:defRPr>
            </a:lvl1pPr>
          </a:lstStyle>
          <a:p>
            <a:r>
              <a:rPr lang="en-US" noProof="0" dirty="0"/>
              <a:t>Click to add title</a:t>
            </a:r>
            <a:endParaRPr lang="en-US" dirty="0"/>
          </a:p>
        </p:txBody>
      </p:sp>
      <p:sp>
        <p:nvSpPr>
          <p:cNvPr id="12" name="Text Placeholder 11"/>
          <p:cNvSpPr>
            <a:spLocks noGrp="1"/>
          </p:cNvSpPr>
          <p:nvPr>
            <p:ph type="body" sz="quarter" idx="14" hasCustomPrompt="1"/>
          </p:nvPr>
        </p:nvSpPr>
        <p:spPr>
          <a:xfrm>
            <a:off x="360000" y="2261523"/>
            <a:ext cx="4280400" cy="3486816"/>
          </a:xfrm>
        </p:spPr>
        <p:txBody>
          <a:bodyPr lIns="396000" rIns="396000" bIns="360000"/>
          <a:lstStyle>
            <a:lvl1pPr>
              <a:defRPr>
                <a:solidFill>
                  <a:schemeClr val="bg2"/>
                </a:solidFill>
              </a:defRPr>
            </a:lvl1pPr>
            <a:lvl2pPr>
              <a:defRPr>
                <a:solidFill>
                  <a:schemeClr val="bg2"/>
                </a:solidFill>
              </a:defRPr>
            </a:lvl2pPr>
            <a:lvl3pPr>
              <a:defRPr>
                <a:solidFill>
                  <a:schemeClr val="bg2"/>
                </a:solidFill>
              </a:defRPr>
            </a:lvl3pPr>
            <a:lvl4pPr>
              <a:defRPr>
                <a:solidFill>
                  <a:schemeClr val="bg2"/>
                </a:solidFill>
              </a:defRPr>
            </a:lvl4pPr>
            <a:lvl5pPr>
              <a:defRPr>
                <a:solidFill>
                  <a:schemeClr val="bg2"/>
                </a:solidFill>
              </a:defRPr>
            </a:lvl5pPr>
            <a:lvl6pPr>
              <a:defRPr>
                <a:solidFill>
                  <a:schemeClr val="bg2"/>
                </a:solidFill>
              </a:defRPr>
            </a:lvl6pPr>
            <a:lvl7pPr>
              <a:defRPr>
                <a:solidFill>
                  <a:schemeClr val="bg2"/>
                </a:solidFill>
              </a:defRPr>
            </a:lvl7pPr>
            <a:lvl8pPr>
              <a:defRPr>
                <a:solidFill>
                  <a:schemeClr val="bg2"/>
                </a:solidFill>
              </a:defRPr>
            </a:lvl8pPr>
            <a:lvl9pPr>
              <a:defRPr>
                <a:solidFill>
                  <a:schemeClr val="bg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a:t>
            </a:r>
            <a:endParaRPr lang="en-US" dirty="0"/>
          </a:p>
        </p:txBody>
      </p:sp>
      <p:sp>
        <p:nvSpPr>
          <p:cNvPr id="10" name="Legal dynamic" descr="{&quot;templafy&quot;:{&quot;id&quot;:&quot;2a71061d-20d3-40ad-89ff-0e21a48bc795&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1" name="Internal Stamp dynamic" descr="{&quot;templafy&quot;:{&quot;id&quot;:&quot;fe261e84-be33-4e66-aee1-a8e600d9bfaa&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6020202030204" pitchFamily="34" charset="0"/>
              <a:ea typeface="+mn-ea"/>
              <a:cs typeface="+mn-cs"/>
            </a:endParaRPr>
          </a:p>
        </p:txBody>
      </p:sp>
      <p:pic>
        <p:nvPicPr>
          <p:cNvPr id="749754675" name="Dynamic logo hypermint" descr="{&quot;templafy&quot;:{&quot;id&quot;:&quot;9e463065-dee0-467e-973c-47013f13b40f&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p:cNvSpPr>
            <a:spLocks noGrp="1"/>
          </p:cNvSpPr>
          <p:nvPr>
            <p:ph type="sldNum" sz="quarter" idx="11"/>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6" name="Date Placeholder 5"/>
          <p:cNvSpPr>
            <a:spLocks noGrp="1"/>
          </p:cNvSpPr>
          <p:nvPr>
            <p:ph type="dt" sz="half" idx="15"/>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D. Infographic">
    <p:bg>
      <p:bgPr>
        <a:solidFill>
          <a:srgbClr val="3EFFC0"/>
        </a:solidFill>
        <a:effectLst/>
      </p:bgPr>
    </p:bg>
    <p:spTree>
      <p:nvGrpSpPr>
        <p:cNvPr id="1" name=""/>
        <p:cNvGrpSpPr/>
        <p:nvPr/>
      </p:nvGrpSpPr>
      <p:grpSpPr>
        <a:xfrm>
          <a:off x="0" y="0"/>
          <a:ext cx="0" cy="0"/>
          <a:chOff x="0" y="0"/>
          <a:chExt cx="0" cy="0"/>
        </a:xfrm>
      </p:grpSpPr>
      <p:sp>
        <p:nvSpPr>
          <p:cNvPr id="9"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Picture Placeholder 3"/>
          <p:cNvSpPr>
            <a:spLocks noGrp="1"/>
          </p:cNvSpPr>
          <p:nvPr>
            <p:ph type="pic" sz="quarter" idx="13"/>
          </p:nvPr>
        </p:nvSpPr>
        <p:spPr>
          <a:xfrm>
            <a:off x="4963373" y="293689"/>
            <a:ext cx="6865090" cy="5454650"/>
          </a:xfrm>
          <a:prstGeom prst="roundRect">
            <a:avLst>
              <a:gd name="adj" fmla="val 8062"/>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endParaRPr lang="en-US" dirty="0"/>
          </a:p>
        </p:txBody>
      </p:sp>
      <p:sp>
        <p:nvSpPr>
          <p:cNvPr id="2" name="Title 1"/>
          <p:cNvSpPr>
            <a:spLocks noGrp="1"/>
          </p:cNvSpPr>
          <p:nvPr>
            <p:ph type="title" hasCustomPrompt="1"/>
          </p:nvPr>
        </p:nvSpPr>
        <p:spPr>
          <a:xfrm>
            <a:off x="360000" y="295199"/>
            <a:ext cx="4279377" cy="5453139"/>
          </a:xfrm>
          <a:prstGeom prst="roundRect">
            <a:avLst>
              <a:gd name="adj" fmla="val 10275"/>
            </a:avLst>
          </a:prstGeom>
          <a:solidFill>
            <a:srgbClr val="035C67"/>
          </a:solidFill>
        </p:spPr>
        <p:txBody>
          <a:bodyPr lIns="252000" tIns="324000" rIns="252000" bIns="1800000"/>
          <a:lstStyle>
            <a:lvl1pPr>
              <a:defRPr>
                <a:solidFill>
                  <a:schemeClr val="tx2"/>
                </a:solidFill>
              </a:defRPr>
            </a:lvl1pPr>
          </a:lstStyle>
          <a:p>
            <a:r>
              <a:rPr lang="en-US" noProof="0" dirty="0"/>
              <a:t>Click to add title</a:t>
            </a:r>
            <a:endParaRPr lang="en-US" dirty="0"/>
          </a:p>
        </p:txBody>
      </p:sp>
      <p:sp>
        <p:nvSpPr>
          <p:cNvPr id="12" name="Text Placeholder 11"/>
          <p:cNvSpPr>
            <a:spLocks noGrp="1"/>
          </p:cNvSpPr>
          <p:nvPr>
            <p:ph type="body" sz="quarter" idx="14" hasCustomPrompt="1"/>
          </p:nvPr>
        </p:nvSpPr>
        <p:spPr>
          <a:xfrm>
            <a:off x="360000" y="2261523"/>
            <a:ext cx="4280400" cy="3486816"/>
          </a:xfrm>
        </p:spPr>
        <p:txBody>
          <a:bodyPr lIns="396000" rIns="396000" bIns="360000"/>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a:t>
            </a:r>
            <a:endParaRPr lang="en-US" dirty="0"/>
          </a:p>
        </p:txBody>
      </p:sp>
      <p:sp>
        <p:nvSpPr>
          <p:cNvPr id="10" name="Legal dynamic" descr="{&quot;templafy&quot;:{&quot;id&quot;:&quot;16ef6b65-18f1-4356-8a26-df29f5399e1c&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1" name="Internal Stamp dynamic" descr="{&quot;templafy&quot;:{&quot;id&quot;:&quot;23a9e584-0673-40c4-9b58-d494495c08f9&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1988541011" name="Dynamic logo dark mint" descr="{&quot;templafy&quot;:{&quot;id&quot;:&quot;d9e6b237-049c-4c36-b65f-bf86187d49be&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p:cNvSpPr>
            <a:spLocks noGrp="1"/>
          </p:cNvSpPr>
          <p:nvPr>
            <p:ph type="sldNum" sz="quarter" idx="11"/>
          </p:nvPr>
        </p:nvSpPr>
        <p:spPr/>
        <p:txBody>
          <a:bodyPr/>
          <a:lstStyle>
            <a:lvl1pPr>
              <a:defRPr>
                <a:solidFill>
                  <a:srgbClr val="035C67"/>
                </a:solidFill>
              </a:defRPr>
            </a:lvl1pPr>
          </a:lstStyle>
          <a:p>
            <a:fld id="{23AA811B-2EBD-4900-905E-5BE206449611}" type="slidenum">
              <a:rPr lang="en-US" smtClean="0"/>
            </a:fld>
            <a:endParaRPr lang="en-US" dirty="0"/>
          </a:p>
        </p:txBody>
      </p:sp>
      <p:sp>
        <p:nvSpPr>
          <p:cNvPr id="6" name="Date Placeholder 5"/>
          <p:cNvSpPr>
            <a:spLocks noGrp="1"/>
          </p:cNvSpPr>
          <p:nvPr>
            <p:ph type="dt" sz="half" idx="15"/>
          </p:nvPr>
        </p:nvSpPr>
        <p:spPr>
          <a:xfrm>
            <a:off x="10630800" y="6364800"/>
            <a:ext cx="691200" cy="180000"/>
          </a:xfrm>
        </p:spPr>
        <p:txBody>
          <a:bodyPr/>
          <a:lstStyle>
            <a:lvl1pPr>
              <a:defRPr>
                <a:solidFill>
                  <a:srgbClr val="035C67"/>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 Cover">
    <p:bg bwMode="ltGray">
      <p:bgPr>
        <a:solidFill>
          <a:schemeClr val="tx1"/>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8" name="Picture 7" descr="A person looking at a cell phone&#10;&#10;Description automatically generated"/>
          <p:cNvPicPr>
            <a:picLocks noChangeAspect="1"/>
          </p:cNvPicPr>
          <p:nvPr userDrawn="1"/>
        </p:nvPicPr>
        <p:blipFill rotWithShape="1">
          <a:blip r:embed="rId2" cstate="email"/>
          <a:srcRect/>
          <a:stretch>
            <a:fillRect/>
          </a:stretch>
        </p:blipFill>
        <p:spPr>
          <a:xfrm>
            <a:off x="0" y="0"/>
            <a:ext cx="12192000" cy="6858000"/>
          </a:xfrm>
          <a:prstGeom prst="rect">
            <a:avLst/>
          </a:prstGeom>
        </p:spPr>
      </p:pic>
      <p:sp>
        <p:nvSpPr>
          <p:cNvPr id="17" name="Graphic"/>
          <p:cNvSpPr/>
          <p:nvPr userDrawn="1"/>
        </p:nvSpPr>
        <p:spPr>
          <a:xfrm>
            <a:off x="358775" y="358775"/>
            <a:ext cx="11469688" cy="6138000"/>
          </a:xfrm>
          <a:custGeom>
            <a:avLst/>
            <a:gdLst>
              <a:gd name="connsiteX0" fmla="*/ 8117764 w 11469688"/>
              <a:gd name="connsiteY0" fmla="*/ 532822 h 6138000"/>
              <a:gd name="connsiteX1" fmla="*/ 7810298 w 11469688"/>
              <a:gd name="connsiteY1" fmla="*/ 840285 h 6138000"/>
              <a:gd name="connsiteX2" fmla="*/ 7810298 w 11469688"/>
              <a:gd name="connsiteY2" fmla="*/ 1839636 h 6138000"/>
              <a:gd name="connsiteX3" fmla="*/ 7579668 w 11469688"/>
              <a:gd name="connsiteY3" fmla="*/ 2070265 h 6138000"/>
              <a:gd name="connsiteX4" fmla="*/ 6580310 w 11469688"/>
              <a:gd name="connsiteY4" fmla="*/ 2070265 h 6138000"/>
              <a:gd name="connsiteX5" fmla="*/ 6272844 w 11469688"/>
              <a:gd name="connsiteY5" fmla="*/ 2377728 h 6138000"/>
              <a:gd name="connsiteX6" fmla="*/ 6272844 w 11469688"/>
              <a:gd name="connsiteY6" fmla="*/ 3300118 h 6138000"/>
              <a:gd name="connsiteX7" fmla="*/ 6580310 w 11469688"/>
              <a:gd name="connsiteY7" fmla="*/ 3607581 h 6138000"/>
              <a:gd name="connsiteX8" fmla="*/ 7579668 w 11469688"/>
              <a:gd name="connsiteY8" fmla="*/ 3607581 h 6138000"/>
              <a:gd name="connsiteX9" fmla="*/ 7810298 w 11469688"/>
              <a:gd name="connsiteY9" fmla="*/ 3838210 h 6138000"/>
              <a:gd name="connsiteX10" fmla="*/ 7810298 w 11469688"/>
              <a:gd name="connsiteY10" fmla="*/ 4837561 h 6138000"/>
              <a:gd name="connsiteX11" fmla="*/ 8117764 w 11469688"/>
              <a:gd name="connsiteY11" fmla="*/ 5145024 h 6138000"/>
              <a:gd name="connsiteX12" fmla="*/ 9040160 w 11469688"/>
              <a:gd name="connsiteY12" fmla="*/ 5145024 h 6138000"/>
              <a:gd name="connsiteX13" fmla="*/ 9347625 w 11469688"/>
              <a:gd name="connsiteY13" fmla="*/ 4837561 h 6138000"/>
              <a:gd name="connsiteX14" fmla="*/ 9347625 w 11469688"/>
              <a:gd name="connsiteY14" fmla="*/ 3838210 h 6138000"/>
              <a:gd name="connsiteX15" fmla="*/ 9578256 w 11469688"/>
              <a:gd name="connsiteY15" fmla="*/ 3607581 h 6138000"/>
              <a:gd name="connsiteX16" fmla="*/ 10577614 w 11469688"/>
              <a:gd name="connsiteY16" fmla="*/ 3607581 h 6138000"/>
              <a:gd name="connsiteX17" fmla="*/ 10885079 w 11469688"/>
              <a:gd name="connsiteY17" fmla="*/ 3300118 h 6138000"/>
              <a:gd name="connsiteX18" fmla="*/ 10885079 w 11469688"/>
              <a:gd name="connsiteY18" fmla="*/ 2377728 h 6138000"/>
              <a:gd name="connsiteX19" fmla="*/ 10577614 w 11469688"/>
              <a:gd name="connsiteY19" fmla="*/ 2070265 h 6138000"/>
              <a:gd name="connsiteX20" fmla="*/ 9578256 w 11469688"/>
              <a:gd name="connsiteY20" fmla="*/ 2070265 h 6138000"/>
              <a:gd name="connsiteX21" fmla="*/ 9347625 w 11469688"/>
              <a:gd name="connsiteY21" fmla="*/ 1839636 h 6138000"/>
              <a:gd name="connsiteX22" fmla="*/ 9347625 w 11469688"/>
              <a:gd name="connsiteY22" fmla="*/ 840285 h 6138000"/>
              <a:gd name="connsiteX23" fmla="*/ 9040160 w 11469688"/>
              <a:gd name="connsiteY23" fmla="*/ 532822 h 6138000"/>
              <a:gd name="connsiteX24" fmla="*/ 449486 w 11469688"/>
              <a:gd name="connsiteY24" fmla="*/ 0 h 6138000"/>
              <a:gd name="connsiteX25" fmla="*/ 11020202 w 11469688"/>
              <a:gd name="connsiteY25" fmla="*/ 0 h 6138000"/>
              <a:gd name="connsiteX26" fmla="*/ 11469688 w 11469688"/>
              <a:gd name="connsiteY26" fmla="*/ 449486 h 6138000"/>
              <a:gd name="connsiteX27" fmla="*/ 11469688 w 11469688"/>
              <a:gd name="connsiteY27" fmla="*/ 5688514 h 6138000"/>
              <a:gd name="connsiteX28" fmla="*/ 11020202 w 11469688"/>
              <a:gd name="connsiteY28" fmla="*/ 6138000 h 6138000"/>
              <a:gd name="connsiteX29" fmla="*/ 449486 w 11469688"/>
              <a:gd name="connsiteY29" fmla="*/ 6138000 h 6138000"/>
              <a:gd name="connsiteX30" fmla="*/ 0 w 11469688"/>
              <a:gd name="connsiteY30" fmla="*/ 5688514 h 6138000"/>
              <a:gd name="connsiteX31" fmla="*/ 0 w 11469688"/>
              <a:gd name="connsiteY31" fmla="*/ 449486 h 6138000"/>
              <a:gd name="connsiteX32" fmla="*/ 449486 w 11469688"/>
              <a:gd name="connsiteY32" fmla="*/ 0 h 613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469688" h="6138000">
                <a:moveTo>
                  <a:pt x="8117764" y="532822"/>
                </a:moveTo>
                <a:cubicBezTo>
                  <a:pt x="7947966" y="532822"/>
                  <a:pt x="7810298" y="670488"/>
                  <a:pt x="7810298" y="840285"/>
                </a:cubicBezTo>
                <a:lnTo>
                  <a:pt x="7810298" y="1839636"/>
                </a:lnTo>
                <a:cubicBezTo>
                  <a:pt x="7810298" y="1967015"/>
                  <a:pt x="7707048" y="2070265"/>
                  <a:pt x="7579668" y="2070265"/>
                </a:cubicBezTo>
                <a:lnTo>
                  <a:pt x="6580310" y="2070265"/>
                </a:lnTo>
                <a:cubicBezTo>
                  <a:pt x="6410512" y="2070265"/>
                  <a:pt x="6272844" y="2207931"/>
                  <a:pt x="6272844" y="2377728"/>
                </a:cubicBezTo>
                <a:lnTo>
                  <a:pt x="6272844" y="3300118"/>
                </a:lnTo>
                <a:cubicBezTo>
                  <a:pt x="6272844" y="3469915"/>
                  <a:pt x="6410512" y="3607581"/>
                  <a:pt x="6580310" y="3607581"/>
                </a:cubicBezTo>
                <a:lnTo>
                  <a:pt x="7579668" y="3607581"/>
                </a:lnTo>
                <a:cubicBezTo>
                  <a:pt x="7707048" y="3607581"/>
                  <a:pt x="7810298" y="3710831"/>
                  <a:pt x="7810298" y="3838210"/>
                </a:cubicBezTo>
                <a:lnTo>
                  <a:pt x="7810298" y="4837561"/>
                </a:lnTo>
                <a:cubicBezTo>
                  <a:pt x="7810298" y="5007358"/>
                  <a:pt x="7947966" y="5145024"/>
                  <a:pt x="8117764" y="5145024"/>
                </a:cubicBezTo>
                <a:lnTo>
                  <a:pt x="9040160" y="5145024"/>
                </a:lnTo>
                <a:cubicBezTo>
                  <a:pt x="9209958" y="5145024"/>
                  <a:pt x="9347625" y="5007358"/>
                  <a:pt x="9347625" y="4837561"/>
                </a:cubicBezTo>
                <a:lnTo>
                  <a:pt x="9347625" y="3838210"/>
                </a:lnTo>
                <a:cubicBezTo>
                  <a:pt x="9347625" y="3710831"/>
                  <a:pt x="9450876" y="3607581"/>
                  <a:pt x="9578256" y="3607581"/>
                </a:cubicBezTo>
                <a:lnTo>
                  <a:pt x="10577614" y="3607581"/>
                </a:lnTo>
                <a:cubicBezTo>
                  <a:pt x="10747412" y="3607581"/>
                  <a:pt x="10885079" y="3469915"/>
                  <a:pt x="10885079" y="3300118"/>
                </a:cubicBezTo>
                <a:lnTo>
                  <a:pt x="10885079" y="2377728"/>
                </a:lnTo>
                <a:cubicBezTo>
                  <a:pt x="10885079" y="2207931"/>
                  <a:pt x="10747412" y="2070265"/>
                  <a:pt x="10577614" y="2070265"/>
                </a:cubicBezTo>
                <a:lnTo>
                  <a:pt x="9578256" y="2070265"/>
                </a:lnTo>
                <a:cubicBezTo>
                  <a:pt x="9450876" y="2070265"/>
                  <a:pt x="9347625" y="1967015"/>
                  <a:pt x="9347625" y="1839636"/>
                </a:cubicBezTo>
                <a:lnTo>
                  <a:pt x="9347625" y="840285"/>
                </a:lnTo>
                <a:cubicBezTo>
                  <a:pt x="9347625" y="670488"/>
                  <a:pt x="9209958" y="532822"/>
                  <a:pt x="9040160" y="532822"/>
                </a:cubicBezTo>
                <a:close/>
                <a:moveTo>
                  <a:pt x="449486" y="0"/>
                </a:moveTo>
                <a:lnTo>
                  <a:pt x="11020202" y="0"/>
                </a:lnTo>
                <a:cubicBezTo>
                  <a:pt x="11268446" y="0"/>
                  <a:pt x="11469688" y="201242"/>
                  <a:pt x="11469688" y="449486"/>
                </a:cubicBezTo>
                <a:lnTo>
                  <a:pt x="11469688" y="5688514"/>
                </a:lnTo>
                <a:cubicBezTo>
                  <a:pt x="11469688" y="5936758"/>
                  <a:pt x="11268446" y="6138000"/>
                  <a:pt x="11020202" y="6138000"/>
                </a:cubicBezTo>
                <a:lnTo>
                  <a:pt x="449486" y="6138000"/>
                </a:lnTo>
                <a:cubicBezTo>
                  <a:pt x="201242" y="6138000"/>
                  <a:pt x="0" y="5936758"/>
                  <a:pt x="0" y="5688514"/>
                </a:cubicBezTo>
                <a:lnTo>
                  <a:pt x="0" y="449486"/>
                </a:lnTo>
                <a:cubicBezTo>
                  <a:pt x="0" y="201242"/>
                  <a:pt x="201242" y="0"/>
                  <a:pt x="449486" y="0"/>
                </a:cubicBez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 name="Title 1"/>
          <p:cNvSpPr>
            <a:spLocks noGrp="1"/>
          </p:cNvSpPr>
          <p:nvPr>
            <p:ph type="ctrTitle" hasCustomPrompt="1"/>
          </p:nvPr>
        </p:nvSpPr>
        <p:spPr bwMode="white">
          <a:xfrm>
            <a:off x="841248" y="1450800"/>
            <a:ext cx="5165852" cy="1820862"/>
          </a:xfrm>
          <a:noFill/>
        </p:spPr>
        <p:txBody>
          <a:bodyPr anchor="b" anchorCtr="0"/>
          <a:lstStyle>
            <a:lvl1pPr algn="l">
              <a:lnSpc>
                <a:spcPct val="85000"/>
              </a:lnSpc>
              <a:defRPr sz="6000" b="0">
                <a:solidFill>
                  <a:srgbClr val="035C67"/>
                </a:solidFill>
              </a:defRPr>
            </a:lvl1pPr>
          </a:lstStyle>
          <a:p>
            <a:r>
              <a:rPr lang="en-US" dirty="0"/>
              <a:t>Click to add title</a:t>
            </a:r>
            <a:endParaRPr lang="en-US" dirty="0"/>
          </a:p>
        </p:txBody>
      </p:sp>
      <p:sp>
        <p:nvSpPr>
          <p:cNvPr id="11" name="Text Placeholder 4"/>
          <p:cNvSpPr>
            <a:spLocks noGrp="1"/>
          </p:cNvSpPr>
          <p:nvPr>
            <p:ph type="body" sz="quarter" idx="13" hasCustomPrompt="1"/>
          </p:nvPr>
        </p:nvSpPr>
        <p:spPr bwMode="white">
          <a:xfrm>
            <a:off x="841248" y="3654000"/>
            <a:ext cx="5165852" cy="1728000"/>
          </a:xfrm>
        </p:spPr>
        <p:txBody>
          <a:bodyPr/>
          <a:lstStyle>
            <a:lvl1pPr marL="0" indent="0">
              <a:lnSpc>
                <a:spcPct val="105000"/>
              </a:lnSpc>
              <a:buNone/>
              <a:defRPr sz="2200">
                <a:solidFill>
                  <a:srgbClr val="002F3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dirty="0"/>
          </a:p>
        </p:txBody>
      </p:sp>
      <p:sp>
        <p:nvSpPr>
          <p:cNvPr id="15" name="Legal dynamic" descr="{&quot;templafy&quot;:{&quot;id&quot;:&quot;9f498c4f-edb5-403a-b985-8004506dbe1f&quot;}}" title="Form.Cigna_Confidentiality.EvernorthConfidentiality"/>
          <p:cNvSpPr/>
          <p:nvPr userDrawn="1"/>
        </p:nvSpPr>
        <p:spPr bwMode="white">
          <a:xfrm>
            <a:off x="5430786" y="5903806"/>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6" name="Internal Stamp dynamic" descr="{&quot;templafy&quot;:{&quot;id&quot;:&quot;ddb94caf-5c70-4180-af7a-a952c6f581f8&quot;}}" title="Form.Cigna_Confidentiality.Cigna_confidentiality"/>
          <p:cNvSpPr/>
          <p:nvPr userDrawn="1"/>
        </p:nvSpPr>
        <p:spPr bwMode="white">
          <a:xfrm>
            <a:off x="3096000" y="5903806"/>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2029097552" name="Dynamic logo hypermint" descr="{&quot;templafy&quot;:{&quot;id&quot;:&quot;fc0bb841-7f44-4879-835d-149b697f51b5&quot;}}"/>
          <p:cNvPicPr>
            <a:picLocks noChangeAspect="1"/>
          </p:cNvPicPr>
          <p:nvPr/>
        </p:nvPicPr>
        <p:blipFill>
          <a:blip r:embed="rId3"/>
          <a:stretch>
            <a:fillRect/>
          </a:stretch>
        </p:blipFill>
        <p:spPr>
          <a:xfrm>
            <a:off x="820800" y="5569200"/>
            <a:ext cx="2145600" cy="756000"/>
          </a:xfrm>
          <a:prstGeom prst="rect">
            <a:avLst/>
          </a:prstGeom>
        </p:spPr>
      </p:pic>
      <p:sp>
        <p:nvSpPr>
          <p:cNvPr id="3" name="Legal dynamic" title="Form.Cigna_Confidentiality.EvernorthConfidentiality"/>
          <p:cNvSpPr/>
          <p:nvPr userDrawn="1"/>
        </p:nvSpPr>
        <p:spPr>
          <a:xfrm>
            <a:off x="5430786" y="5903806"/>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7" name="Internal Stamp dynamic" title="Form.Cigna_Confidentiality.Cigna_confidentiality"/>
          <p:cNvSpPr/>
          <p:nvPr userDrawn="1"/>
        </p:nvSpPr>
        <p:spPr>
          <a:xfrm>
            <a:off x="3096000" y="5903806"/>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sp>
        <p:nvSpPr>
          <p:cNvPr id="9" name="Dynamic logo dark mint" title="Form.Logo.LogoDarkmint"/>
          <p:cNvSpPr/>
          <p:nvPr userDrawn="1"/>
        </p:nvSpPr>
        <p:spPr>
          <a:xfrm>
            <a:off x="820800" y="5569200"/>
            <a:ext cx="2145600" cy="75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Slide Number Placeholder 12"/>
          <p:cNvSpPr>
            <a:spLocks noGrp="1"/>
          </p:cNvSpPr>
          <p:nvPr>
            <p:ph type="sldNum" sz="quarter" idx="16"/>
          </p:nvPr>
        </p:nvSpPr>
        <p:spPr>
          <a:xfrm>
            <a:off x="11068880" y="6051600"/>
            <a:ext cx="266400" cy="180000"/>
          </a:xfrm>
        </p:spPr>
        <p:txBody>
          <a:bodyPr/>
          <a:lstStyle>
            <a:lvl1pPr>
              <a:defRPr>
                <a:solidFill>
                  <a:srgbClr val="035C67"/>
                </a:solidFill>
              </a:defRPr>
            </a:lvl1pPr>
          </a:lstStyle>
          <a:p>
            <a:fld id="{23AA811B-2EBD-4900-905E-5BE206449611}" type="slidenum">
              <a:rPr lang="en-US" smtClean="0"/>
            </a:fld>
            <a:endParaRPr lang="en-US" dirty="0"/>
          </a:p>
        </p:txBody>
      </p:sp>
      <p:sp>
        <p:nvSpPr>
          <p:cNvPr id="5" name="Date Placeholder 2"/>
          <p:cNvSpPr>
            <a:spLocks noGrp="1"/>
          </p:cNvSpPr>
          <p:nvPr>
            <p:ph type="dt" sz="half" idx="17"/>
          </p:nvPr>
        </p:nvSpPr>
        <p:spPr>
          <a:xfrm>
            <a:off x="10141200" y="6051600"/>
            <a:ext cx="691200" cy="180000"/>
          </a:xfrm>
        </p:spPr>
        <p:txBody>
          <a:bodyPr/>
          <a:lstStyle>
            <a:lvl1pPr>
              <a:defRPr>
                <a:solidFill>
                  <a:srgbClr val="035C67"/>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E. Infographic">
    <p:bg>
      <p:bgRef idx="1001">
        <a:schemeClr val="bg1"/>
      </p:bgRef>
    </p:bg>
    <p:spTree>
      <p:nvGrpSpPr>
        <p:cNvPr id="1" name=""/>
        <p:cNvGrpSpPr/>
        <p:nvPr/>
      </p:nvGrpSpPr>
      <p:grpSpPr>
        <a:xfrm>
          <a:off x="0" y="0"/>
          <a:ext cx="0" cy="0"/>
          <a:chOff x="0" y="0"/>
          <a:chExt cx="0" cy="0"/>
        </a:xfrm>
      </p:grpSpPr>
      <p:sp>
        <p:nvSpPr>
          <p:cNvPr id="9"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Picture Placeholder 3"/>
          <p:cNvSpPr>
            <a:spLocks noGrp="1"/>
          </p:cNvSpPr>
          <p:nvPr>
            <p:ph type="pic" sz="quarter" idx="13"/>
          </p:nvPr>
        </p:nvSpPr>
        <p:spPr>
          <a:xfrm>
            <a:off x="4963373" y="293689"/>
            <a:ext cx="6865090" cy="5454650"/>
          </a:xfrm>
          <a:prstGeom prst="roundRect">
            <a:avLst>
              <a:gd name="adj" fmla="val 8062"/>
            </a:avLst>
          </a:prstGeom>
          <a:solidFill>
            <a:schemeClr val="bg1">
              <a:lumMod val="75000"/>
            </a:schemeClr>
          </a:solidFill>
        </p:spPr>
        <p:txBody>
          <a:bodyPr tIns="576000" anchor="ctr" anchorCtr="0"/>
          <a:lstStyle>
            <a:lvl1pPr marL="0" indent="0" algn="ctr">
              <a:buNone/>
              <a:defRPr sz="1600">
                <a:solidFill>
                  <a:schemeClr val="tx1"/>
                </a:solidFill>
              </a:defRPr>
            </a:lvl1pPr>
          </a:lstStyle>
          <a:p>
            <a:r>
              <a:rPr lang="en-US" dirty="0"/>
              <a:t>Click icon to add picture</a:t>
            </a:r>
            <a:endParaRPr lang="en-US" dirty="0"/>
          </a:p>
        </p:txBody>
      </p:sp>
      <p:sp>
        <p:nvSpPr>
          <p:cNvPr id="2" name="Title 1"/>
          <p:cNvSpPr>
            <a:spLocks noGrp="1"/>
          </p:cNvSpPr>
          <p:nvPr>
            <p:ph type="title" hasCustomPrompt="1"/>
          </p:nvPr>
        </p:nvSpPr>
        <p:spPr>
          <a:xfrm>
            <a:off x="360000" y="295199"/>
            <a:ext cx="4279377" cy="5453139"/>
          </a:xfrm>
          <a:prstGeom prst="roundRect">
            <a:avLst>
              <a:gd name="adj" fmla="val 10275"/>
            </a:avLst>
          </a:prstGeom>
          <a:solidFill>
            <a:srgbClr val="90B9FF"/>
          </a:solidFill>
        </p:spPr>
        <p:txBody>
          <a:bodyPr lIns="252000" tIns="324000" rIns="252000" bIns="1800000"/>
          <a:lstStyle>
            <a:lvl1pPr>
              <a:defRPr>
                <a:solidFill>
                  <a:srgbClr val="002F32"/>
                </a:solidFill>
              </a:defRPr>
            </a:lvl1pPr>
          </a:lstStyle>
          <a:p>
            <a:r>
              <a:rPr lang="en-US" noProof="0" dirty="0"/>
              <a:t>Click to add title</a:t>
            </a:r>
            <a:endParaRPr lang="en-US" dirty="0"/>
          </a:p>
        </p:txBody>
      </p:sp>
      <p:sp>
        <p:nvSpPr>
          <p:cNvPr id="12" name="Text Placeholder 11"/>
          <p:cNvSpPr>
            <a:spLocks noGrp="1"/>
          </p:cNvSpPr>
          <p:nvPr>
            <p:ph type="body" sz="quarter" idx="14" hasCustomPrompt="1"/>
          </p:nvPr>
        </p:nvSpPr>
        <p:spPr>
          <a:xfrm>
            <a:off x="360000" y="2261523"/>
            <a:ext cx="4280400" cy="3486816"/>
          </a:xfrm>
        </p:spPr>
        <p:txBody>
          <a:bodyPr lIns="396000" rIns="396000" bIns="360000"/>
          <a:lstStyle>
            <a:lvl1pPr>
              <a:defRPr>
                <a:solidFill>
                  <a:srgbClr val="002F32"/>
                </a:solidFill>
              </a:defRPr>
            </a:lvl1pPr>
            <a:lvl2pPr>
              <a:defRPr>
                <a:solidFill>
                  <a:srgbClr val="002F32"/>
                </a:solidFill>
              </a:defRPr>
            </a:lvl2pPr>
            <a:lvl3pPr>
              <a:defRPr>
                <a:solidFill>
                  <a:srgbClr val="002F32"/>
                </a:solidFill>
              </a:defRPr>
            </a:lvl3pPr>
            <a:lvl4pPr>
              <a:defRPr>
                <a:solidFill>
                  <a:srgbClr val="002F32"/>
                </a:solidFill>
              </a:defRPr>
            </a:lvl4pPr>
            <a:lvl5pPr>
              <a:defRPr>
                <a:solidFill>
                  <a:srgbClr val="002F32"/>
                </a:solidFill>
              </a:defRPr>
            </a:lvl5pPr>
            <a:lvl6pPr>
              <a:defRPr>
                <a:solidFill>
                  <a:srgbClr val="002F32"/>
                </a:solidFill>
              </a:defRPr>
            </a:lvl6pPr>
            <a:lvl7pPr>
              <a:defRPr>
                <a:solidFill>
                  <a:srgbClr val="002F32"/>
                </a:solidFill>
              </a:defRPr>
            </a:lvl7pPr>
            <a:lvl8pPr>
              <a:defRPr>
                <a:solidFill>
                  <a:srgbClr val="002F32"/>
                </a:solidFill>
              </a:defRPr>
            </a:lvl8pPr>
            <a:lvl9pPr>
              <a:defRPr>
                <a:solidFill>
                  <a:srgbClr val="002F3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noProof="0" dirty="0"/>
          </a:p>
          <a:p>
            <a:pPr lvl="5"/>
            <a:r>
              <a:rPr lang="en-US" noProof="0" dirty="0"/>
              <a:t>6 level</a:t>
            </a:r>
            <a:endParaRPr lang="en-US" noProof="0" dirty="0"/>
          </a:p>
          <a:p>
            <a:pPr lvl="6"/>
            <a:r>
              <a:rPr lang="en-US" noProof="0" dirty="0"/>
              <a:t>7 level</a:t>
            </a:r>
            <a:endParaRPr lang="en-US" noProof="0" dirty="0"/>
          </a:p>
          <a:p>
            <a:pPr lvl="7"/>
            <a:r>
              <a:rPr lang="en-US" noProof="0" dirty="0"/>
              <a:t>8 level</a:t>
            </a:r>
            <a:endParaRPr lang="en-US" noProof="0" dirty="0"/>
          </a:p>
          <a:p>
            <a:pPr lvl="8"/>
            <a:r>
              <a:rPr lang="en-US" noProof="0" dirty="0"/>
              <a:t>9</a:t>
            </a:r>
            <a:endParaRPr lang="en-US" dirty="0"/>
          </a:p>
        </p:txBody>
      </p:sp>
      <p:sp>
        <p:nvSpPr>
          <p:cNvPr id="10" name="Legal dynamic" descr="{&quot;templafy&quot;:{&quot;id&quot;:&quot;e34da0d1-e820-484e-be6c-c4fe87939c15&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1" name="Internal Stamp dynamic" descr="{&quot;templafy&quot;:{&quot;id&quot;:&quot;15f9fdb9-96c5-491b-bf4c-0256627192bd&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1381344763" name="Dynamic logo dark mint" descr="{&quot;templafy&quot;:{&quot;id&quot;:&quot;f7b03126-3df7-4615-8f1c-84a013db70c8&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p:cNvSpPr>
            <a:spLocks noGrp="1"/>
          </p:cNvSpPr>
          <p:nvPr>
            <p:ph type="sldNum" sz="quarter" idx="11"/>
          </p:nvPr>
        </p:nvSpPr>
        <p:spPr/>
        <p:txBody>
          <a:bodyPr/>
          <a:lstStyle>
            <a:lvl1pPr>
              <a:defRPr>
                <a:solidFill>
                  <a:srgbClr val="035C67"/>
                </a:solidFill>
              </a:defRPr>
            </a:lvl1pPr>
          </a:lstStyle>
          <a:p>
            <a:fld id="{23AA811B-2EBD-4900-905E-5BE206449611}" type="slidenum">
              <a:rPr lang="en-US" smtClean="0"/>
            </a:fld>
            <a:endParaRPr lang="en-US" dirty="0"/>
          </a:p>
        </p:txBody>
      </p:sp>
      <p:sp>
        <p:nvSpPr>
          <p:cNvPr id="5" name="Date Placeholder 5"/>
          <p:cNvSpPr>
            <a:spLocks noGrp="1"/>
          </p:cNvSpPr>
          <p:nvPr>
            <p:ph type="dt" sz="half" idx="15"/>
          </p:nvPr>
        </p:nvSpPr>
        <p:spPr>
          <a:xfrm>
            <a:off x="10630800" y="6364800"/>
            <a:ext cx="691200" cy="180000"/>
          </a:xfrm>
        </p:spPr>
        <p:txBody>
          <a:bodyPr/>
          <a:lstStyle/>
          <a:p>
            <a:fld id="{B118041E-2DAD-480C-AEE4-E661A097CFE4}" type="datetime1">
              <a:rPr lang="en-US" smtClean="0"/>
            </a:fld>
            <a:endParaRPr lang="en-US" dirty="0"/>
          </a:p>
        </p:txBody>
      </p:sp>
    </p:spTree>
  </p:cSld>
  <p:clrMapOvr>
    <a:overrideClrMapping bg1="lt1" tx1="dk1" bg2="lt2" tx2="dk2" accent1="accent1" accent2="accent2" accent3="accent3" accent4="accent4" accent5="accent5" accent6="accent6" hlink="hlink" folHlink="folHlink"/>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A. Image">
    <p:spTree>
      <p:nvGrpSpPr>
        <p:cNvPr id="1" name=""/>
        <p:cNvGrpSpPr/>
        <p:nvPr/>
      </p:nvGrpSpPr>
      <p:grpSpPr>
        <a:xfrm>
          <a:off x="0" y="0"/>
          <a:ext cx="0" cy="0"/>
          <a:chOff x="0" y="0"/>
          <a:chExt cx="0" cy="0"/>
        </a:xfrm>
      </p:grpSpPr>
      <p:sp>
        <p:nvSpPr>
          <p:cNvPr id="5" name="Picture Placeholder 3"/>
          <p:cNvSpPr>
            <a:spLocks noGrp="1"/>
          </p:cNvSpPr>
          <p:nvPr>
            <p:ph type="pic" sz="quarter" idx="13"/>
          </p:nvPr>
        </p:nvSpPr>
        <p:spPr>
          <a:xfrm>
            <a:off x="360000" y="293688"/>
            <a:ext cx="11473200" cy="5454650"/>
          </a:xfrm>
          <a:prstGeom prst="roundRect">
            <a:avLst>
              <a:gd name="adj" fmla="val 8300"/>
            </a:avLst>
          </a:prstGeom>
          <a:solidFill>
            <a:schemeClr val="bg1">
              <a:lumMod val="75000"/>
            </a:schemeClr>
          </a:solidFill>
        </p:spPr>
        <p:txBody>
          <a:bodyPr tIns="576000" anchor="ctr" anchorCtr="0"/>
          <a:lstStyle>
            <a:lvl1pPr marL="0" indent="0" algn="ctr">
              <a:buNone/>
              <a:defRPr sz="1600">
                <a:solidFill>
                  <a:schemeClr val="tx1"/>
                </a:solidFill>
              </a:defRPr>
            </a:lvl1pPr>
          </a:lstStyle>
          <a:p>
            <a:r>
              <a:rPr lang="en-US" dirty="0"/>
              <a:t>Click icon to add picture</a:t>
            </a:r>
            <a:endParaRPr lang="en-US" dirty="0"/>
          </a:p>
        </p:txBody>
      </p:sp>
      <p:sp>
        <p:nvSpPr>
          <p:cNvPr id="4" name="Slide Number Placeholder 3"/>
          <p:cNvSpPr>
            <a:spLocks noGrp="1"/>
          </p:cNvSpPr>
          <p:nvPr>
            <p:ph type="sldNum" sz="quarter" idx="11"/>
          </p:nvPr>
        </p:nvSpPr>
        <p:spPr/>
        <p:txBody>
          <a:bodyPr/>
          <a:lstStyle/>
          <a:p>
            <a:fld id="{23AA811B-2EBD-4900-905E-5BE206449611}" type="slidenum">
              <a:rPr lang="en-US" smtClean="0"/>
            </a:fld>
            <a:endParaRPr lang="en-US" dirty="0"/>
          </a:p>
        </p:txBody>
      </p:sp>
      <p:sp>
        <p:nvSpPr>
          <p:cNvPr id="2" name="Date Placeholder 5"/>
          <p:cNvSpPr>
            <a:spLocks noGrp="1"/>
          </p:cNvSpPr>
          <p:nvPr>
            <p:ph type="dt" sz="half" idx="14"/>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B. Image">
    <p:bg>
      <p:bgPr>
        <a:solidFill>
          <a:schemeClr val="accent3"/>
        </a:solidFill>
        <a:effectLst/>
      </p:bgPr>
    </p:bg>
    <p:spTree>
      <p:nvGrpSpPr>
        <p:cNvPr id="1" name=""/>
        <p:cNvGrpSpPr/>
        <p:nvPr/>
      </p:nvGrpSpPr>
      <p:grpSpPr>
        <a:xfrm>
          <a:off x="0" y="0"/>
          <a:ext cx="0" cy="0"/>
          <a:chOff x="0" y="0"/>
          <a:chExt cx="0" cy="0"/>
        </a:xfrm>
      </p:grpSpPr>
      <p:sp>
        <p:nvSpPr>
          <p:cNvPr id="11"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5" name="Picture Placeholder 3"/>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endParaRPr lang="en-US" dirty="0"/>
          </a:p>
        </p:txBody>
      </p:sp>
      <p:sp>
        <p:nvSpPr>
          <p:cNvPr id="2" name="Legal dynamic" descr="{&quot;templafy&quot;:{&quot;id&quot;:&quot;38e9c5ad-342f-4443-8168-57c4cf12e055&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6" name="Internal Stamp dynamic" descr="{&quot;templafy&quot;:{&quot;id&quot;:&quot;476759e0-bf16-4330-a162-344ff2579c25&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032522753" name="Dynamic logo hypermint" descr="{&quot;templafy&quot;:{&quot;id&quot;:&quot;498d81a7-f1d4-42f5-b880-99f5170a9075&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7" name="Date Placeholder 5"/>
          <p:cNvSpPr>
            <a:spLocks noGrp="1"/>
          </p:cNvSpPr>
          <p:nvPr>
            <p:ph type="dt" sz="half" idx="14"/>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C. Image">
    <p:bg>
      <p:bgPr>
        <a:solidFill>
          <a:schemeClr val="accent3"/>
        </a:solidFill>
        <a:effectLst/>
      </p:bgPr>
    </p:bg>
    <p:spTree>
      <p:nvGrpSpPr>
        <p:cNvPr id="1" name=""/>
        <p:cNvGrpSpPr/>
        <p:nvPr/>
      </p:nvGrpSpPr>
      <p:grpSpPr>
        <a:xfrm>
          <a:off x="0" y="0"/>
          <a:ext cx="0" cy="0"/>
          <a:chOff x="0" y="0"/>
          <a:chExt cx="0" cy="0"/>
        </a:xfrm>
      </p:grpSpPr>
      <p:sp>
        <p:nvSpPr>
          <p:cNvPr id="11"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5" name="Picture Placeholder 3"/>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endParaRPr lang="en-US" dirty="0"/>
          </a:p>
        </p:txBody>
      </p:sp>
      <p:sp>
        <p:nvSpPr>
          <p:cNvPr id="2" name="Legal dynamic" descr="{&quot;templafy&quot;:{&quot;id&quot;:&quot;fff897c0-2afe-42b5-ba7f-99268c7fe5c0&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6" name="Internal Stamp dynamic" descr="{&quot;templafy&quot;:{&quot;id&quot;:&quot;a1f16579-1cb1-4674-ace1-40de1c8d1768&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6020202030204" pitchFamily="34" charset="0"/>
              <a:ea typeface="+mn-ea"/>
              <a:cs typeface="+mn-cs"/>
            </a:endParaRPr>
          </a:p>
        </p:txBody>
      </p:sp>
      <p:pic>
        <p:nvPicPr>
          <p:cNvPr id="502011476" name="Dynamic logo hypermint" descr="{&quot;templafy&quot;:{&quot;id&quot;:&quot;46441dc7-430c-461e-aebb-c860a8ed966b&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p:cNvSpPr>
            <a:spLocks noGrp="1"/>
          </p:cNvSpPr>
          <p:nvPr>
            <p:ph type="sldNum" sz="quarter" idx="11"/>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8" name="Date Placeholder 5"/>
          <p:cNvSpPr>
            <a:spLocks noGrp="1"/>
          </p:cNvSpPr>
          <p:nvPr>
            <p:ph type="dt" sz="half" idx="14"/>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D. Image">
    <p:bg>
      <p:bgPr>
        <a:solidFill>
          <a:schemeClr val="accent3"/>
        </a:solidFill>
        <a:effectLst/>
      </p:bgPr>
    </p:bg>
    <p:spTree>
      <p:nvGrpSpPr>
        <p:cNvPr id="1" name=""/>
        <p:cNvGrpSpPr/>
        <p:nvPr/>
      </p:nvGrpSpPr>
      <p:grpSpPr>
        <a:xfrm>
          <a:off x="0" y="0"/>
          <a:ext cx="0" cy="0"/>
          <a:chOff x="0" y="0"/>
          <a:chExt cx="0" cy="0"/>
        </a:xfrm>
      </p:grpSpPr>
      <p:sp>
        <p:nvSpPr>
          <p:cNvPr id="11"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5" name="Picture Placeholder 3"/>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endParaRPr lang="en-US" dirty="0"/>
          </a:p>
        </p:txBody>
      </p:sp>
      <p:sp>
        <p:nvSpPr>
          <p:cNvPr id="2" name="Legal dynamic" descr="{&quot;templafy&quot;:{&quot;id&quot;:&quot;daecd173-7c6d-46ec-80ed-97af4033ea81&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6" name="Internal Stamp dynamic" descr="{&quot;templafy&quot;:{&quot;id&quot;:&quot;75deeb8b-040c-44f5-bc4a-f7c43094ba04&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348744488" name="Dynamic logo dark mint" descr="{&quot;templafy&quot;:{&quot;id&quot;:&quot;6386a84b-2217-46f1-93df-058cf6dc5d85&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p:cNvSpPr>
            <a:spLocks noGrp="1"/>
          </p:cNvSpPr>
          <p:nvPr>
            <p:ph type="sldNum" sz="quarter" idx="11"/>
          </p:nvPr>
        </p:nvSpPr>
        <p:spPr/>
        <p:txBody>
          <a:bodyPr/>
          <a:lstStyle>
            <a:lvl1pPr>
              <a:defRPr>
                <a:solidFill>
                  <a:srgbClr val="035C67"/>
                </a:solidFill>
              </a:defRPr>
            </a:lvl1pPr>
          </a:lstStyle>
          <a:p>
            <a:fld id="{23AA811B-2EBD-4900-905E-5BE206449611}" type="slidenum">
              <a:rPr lang="en-US" smtClean="0"/>
            </a:fld>
            <a:endParaRPr lang="en-US" dirty="0"/>
          </a:p>
        </p:txBody>
      </p:sp>
      <p:sp>
        <p:nvSpPr>
          <p:cNvPr id="8" name="Date Placeholder 5"/>
          <p:cNvSpPr>
            <a:spLocks noGrp="1"/>
          </p:cNvSpPr>
          <p:nvPr>
            <p:ph type="dt" sz="half" idx="14"/>
          </p:nvPr>
        </p:nvSpPr>
        <p:spPr>
          <a:xfrm>
            <a:off x="10630800" y="6364800"/>
            <a:ext cx="691200" cy="180000"/>
          </a:xfrm>
        </p:spPr>
        <p:txBody>
          <a:body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E. Image">
    <p:bg>
      <p:bgPr>
        <a:solidFill>
          <a:schemeClr val="accent3"/>
        </a:solidFill>
        <a:effectLst/>
      </p:bgPr>
    </p:bg>
    <p:spTree>
      <p:nvGrpSpPr>
        <p:cNvPr id="1" name=""/>
        <p:cNvGrpSpPr/>
        <p:nvPr/>
      </p:nvGrpSpPr>
      <p:grpSpPr>
        <a:xfrm>
          <a:off x="0" y="0"/>
          <a:ext cx="0" cy="0"/>
          <a:chOff x="0" y="0"/>
          <a:chExt cx="0" cy="0"/>
        </a:xfrm>
      </p:grpSpPr>
      <p:sp>
        <p:nvSpPr>
          <p:cNvPr id="11"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02F3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5" name="Picture Placeholder 3"/>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dirty="0"/>
              <a:t>Click icon to add picture</a:t>
            </a:r>
            <a:endParaRPr lang="en-US" dirty="0"/>
          </a:p>
        </p:txBody>
      </p:sp>
      <p:sp>
        <p:nvSpPr>
          <p:cNvPr id="2" name="Legal dynamic" descr="{&quot;templafy&quot;:{&quot;id&quot;:&quot;060ab0f7-f46a-4a75-ad66-afba5263dee9&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6" name="Internal Stamp dynamic" descr="{&quot;templafy&quot;:{&quot;id&quot;:&quot;d6635c0e-49c2-45ed-8f63-108e4726fb40&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965856276" name="Dynamic logo hypermint" descr="{&quot;templafy&quot;:{&quot;id&quot;:&quot;472d1902-0316-41b7-9ac6-2f15d28625b7&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8" name="Date Placeholder 5"/>
          <p:cNvSpPr>
            <a:spLocks noGrp="1"/>
          </p:cNvSpPr>
          <p:nvPr>
            <p:ph type="dt" sz="half" idx="14"/>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A. Quote">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p:cNvPicPr>
            <a:picLocks noGrp="1" noRot="1" noChangeAspect="1" noMove="1" noResize="1" noEditPoints="1" noAdjustHandles="1" noChangeArrowheads="1" noChangeShapeType="1" noCrop="1"/>
          </p:cNvPicPr>
          <p:nvPr userDrawn="1"/>
        </p:nvPicPr>
        <p:blipFill rotWithShape="1">
          <a:blip r:embed="rId2" cstate="screen">
            <a:extLst>
              <a:ext uri="{96DAC541-7B7A-43D3-8B79-37D633B846F1}">
                <asvg:svgBlip xmlns:asvg="http://schemas.microsoft.com/office/drawing/2016/SVG/main" r:embed="rId3"/>
              </a:ext>
            </a:extLst>
          </a:blip>
          <a:srcRect t="9517" r="46804" b="9929"/>
          <a:stretch>
            <a:fillRect/>
          </a:stretch>
        </p:blipFill>
        <p:spPr>
          <a:xfrm>
            <a:off x="7663129" y="0"/>
            <a:ext cx="4528871" cy="6858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2" name="Legal dynamic" descr="{&quot;templafy&quot;:{&quot;id&quot;:&quot;fa60411a-dfd5-4b7e-b2e2-ebc0feaf73d6&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6" name="Internal Stamp dynamic" descr="{&quot;templafy&quot;:{&quot;id&quot;:&quot;e6ae7114-2c0b-4ff8-8253-860ef42022b7&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sp>
        <p:nvSpPr>
          <p:cNvPr id="19" name="Dynamic logo dark mint" title="Form.Logo.LogoDarkmint"/>
          <p:cNvSpPr/>
          <p:nvPr userDrawn="1"/>
        </p:nvSpPr>
        <p:spPr>
          <a:xfrm>
            <a:off x="346677" y="5882400"/>
            <a:ext cx="2145600" cy="75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Slide Number Placeholder 14"/>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4"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B. Quote">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p:cNvPicPr>
            <a:picLocks noGrp="1" noRot="1" noChangeAspect="1" noMove="1" noResize="1" noEditPoints="1" noAdjustHandles="1" noChangeArrowheads="1" noChangeShapeType="1" noCrop="1"/>
          </p:cNvPicPr>
          <p:nvPr userDrawn="1"/>
        </p:nvPicPr>
        <p:blipFill rotWithShape="1">
          <a:blip r:embed="rId2" cstate="screen">
            <a:extLst>
              <a:ext uri="{96DAC541-7B7A-43D3-8B79-37D633B846F1}">
                <asvg:svgBlip xmlns:asvg="http://schemas.microsoft.com/office/drawing/2016/SVG/main" r:embed="rId3"/>
              </a:ext>
            </a:extLst>
          </a:blip>
          <a:srcRect t="9517" r="46804" b="9929"/>
          <a:stretch>
            <a:fillRect/>
          </a:stretch>
        </p:blipFill>
        <p:spPr>
          <a:xfrm>
            <a:off x="7663129" y="0"/>
            <a:ext cx="4528871" cy="6858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4" name="Legal dynamic" descr="{&quot;templafy&quot;:{&quot;id&quot;:&quot;761078ba-3d03-4c53-92f4-f073a2cce3ed&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5" name="Internal Stamp dynamic" descr="{&quot;templafy&quot;:{&quot;id&quot;:&quot;c2d9c760-58f3-4b9b-95b8-1f5731f93bb0&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195011292" name="Dynamic logo dark mint" descr="{&quot;templafy&quot;:{&quot;id&quot;:&quot;5951bd2b-89ac-48eb-b07f-df4b51228c5f&quot;}}"/>
          <p:cNvPicPr>
            <a:picLocks noChangeAspect="1"/>
          </p:cNvPicPr>
          <p:nvPr/>
        </p:nvPicPr>
        <p:blipFill>
          <a:blip r:embed="rId4"/>
          <a:stretch>
            <a:fillRect/>
          </a:stretch>
        </p:blipFill>
        <p:spPr>
          <a:xfrm>
            <a:off x="346677" y="5882400"/>
            <a:ext cx="2145600" cy="756000"/>
          </a:xfrm>
          <a:prstGeom prst="rect">
            <a:avLst/>
          </a:prstGeom>
        </p:spPr>
      </p:pic>
      <p:sp>
        <p:nvSpPr>
          <p:cNvPr id="15" name="Slide Number Placeholder 14"/>
          <p:cNvSpPr>
            <a:spLocks noGrp="1"/>
          </p:cNvSpPr>
          <p:nvPr userDrawn="1">
            <p:ph type="sldNum" sz="quarter" idx="15"/>
          </p:nvPr>
        </p:nvSpPr>
        <p:spPr/>
        <p:txBody>
          <a:bodyPr/>
          <a:lstStyle>
            <a:lvl1pPr>
              <a:defRPr>
                <a:solidFill>
                  <a:schemeClr val="bg2"/>
                </a:solidFill>
              </a:defRPr>
            </a:lvl1pPr>
          </a:lstStyle>
          <a:p>
            <a:fld id="{23AA811B-2EBD-4900-905E-5BE206449611}" type="slidenum">
              <a:rPr lang="en-US" smtClean="0"/>
            </a:fld>
            <a:endParaRPr lang="en-US" dirty="0"/>
          </a:p>
        </p:txBody>
      </p:sp>
      <p:sp>
        <p:nvSpPr>
          <p:cNvPr id="2" name="Date Placeholder 5"/>
          <p:cNvSpPr>
            <a:spLocks noGrp="1"/>
          </p:cNvSpPr>
          <p:nvPr>
            <p:ph type="dt" sz="half" idx="16"/>
          </p:nvPr>
        </p:nvSpPr>
        <p:spPr>
          <a:xfrm>
            <a:off x="10630800" y="6364800"/>
            <a:ext cx="691200" cy="180000"/>
          </a:xfrm>
        </p:spPr>
        <p:txBody>
          <a:bodyPr/>
          <a:lstStyle>
            <a:lvl1pPr>
              <a:defRPr>
                <a:solidFill>
                  <a:schemeClr val="bg2"/>
                </a:solidFill>
              </a:defRPr>
            </a:lvl1pPr>
          </a:lstStyle>
          <a:p>
            <a:fld id="{B118041E-2DAD-480C-AEE4-E661A097CFE4}" type="datetime1">
              <a:rPr lang="en-US" smtClean="0"/>
            </a:fld>
            <a:endParaRPr lang="en-US" dirty="0"/>
          </a:p>
        </p:txBody>
      </p:sp>
    </p:spTree>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C. Quote">
    <p:bg>
      <p:bgRef idx="1001">
        <a:schemeClr val="bg1"/>
      </p:bgRef>
    </p:bg>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p:cNvPicPr>
            <a:picLocks noGrp="1" noRot="1" noChangeAspect="1" noMove="1" noResize="1" noEditPoints="1" noAdjustHandles="1" noChangeArrowheads="1" noChangeShapeType="1" noCrop="1"/>
          </p:cNvPicPr>
          <p:nvPr userDrawn="1"/>
        </p:nvPicPr>
        <p:blipFill rotWithShape="1">
          <a:blip r:embed="rId2" cstate="screen">
            <a:extLst>
              <a:ext uri="{96DAC541-7B7A-43D3-8B79-37D633B846F1}">
                <asvg:svgBlip xmlns:asvg="http://schemas.microsoft.com/office/drawing/2016/SVG/main" r:embed="rId3"/>
              </a:ext>
            </a:extLst>
          </a:blip>
          <a:srcRect t="9517" r="46804" b="9929"/>
          <a:stretch>
            <a:fillRect/>
          </a:stretch>
        </p:blipFill>
        <p:spPr>
          <a:xfrm>
            <a:off x="7663129" y="0"/>
            <a:ext cx="4528871" cy="6858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4" name="Legal dynamic" descr="{&quot;templafy&quot;:{&quot;id&quot;:&quot;5868a394-f668-409b-9a3e-0483dbe2c351&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5" name="Internal Stamp dynamic" descr="{&quot;templafy&quot;:{&quot;id&quot;:&quot;6817c859-406e-41ec-8a75-5378863bfa41&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842144589" name="Dynamic logo hypermint" descr="{&quot;templafy&quot;:{&quot;id&quot;:&quot;bbfb337e-9da3-4806-b7af-0a6e9057ce6a&quot;}}"/>
          <p:cNvPicPr>
            <a:picLocks noChangeAspect="1"/>
          </p:cNvPicPr>
          <p:nvPr/>
        </p:nvPicPr>
        <p:blipFill>
          <a:blip r:embed="rId4"/>
          <a:stretch>
            <a:fillRect/>
          </a:stretch>
        </p:blipFill>
        <p:spPr>
          <a:xfrm>
            <a:off x="346677" y="5882400"/>
            <a:ext cx="2145600" cy="756000"/>
          </a:xfrm>
          <a:prstGeom prst="rect">
            <a:avLst/>
          </a:prstGeom>
        </p:spPr>
      </p:pic>
      <p:sp>
        <p:nvSpPr>
          <p:cNvPr id="15" name="Slide Number Placeholder 14"/>
          <p:cNvSpPr>
            <a:spLocks noGrp="1"/>
          </p:cNvSpPr>
          <p:nvPr userDrawn="1">
            <p:ph type="sldNum" sz="quarter" idx="15"/>
          </p:nvPr>
        </p:nvSpPr>
        <p:spPr/>
        <p:txBody>
          <a:bodyPr/>
          <a:lstStyle>
            <a:lvl1pPr>
              <a:defRPr>
                <a:solidFill>
                  <a:schemeClr val="bg2"/>
                </a:solidFill>
              </a:defRPr>
            </a:lvl1pPr>
          </a:lstStyle>
          <a:p>
            <a:fld id="{23AA811B-2EBD-4900-905E-5BE206449611}" type="slidenum">
              <a:rPr lang="en-US" smtClean="0"/>
            </a:fld>
            <a:endParaRPr lang="en-US" dirty="0"/>
          </a:p>
        </p:txBody>
      </p:sp>
      <p:sp>
        <p:nvSpPr>
          <p:cNvPr id="6"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D. Quote">
    <p:bg>
      <p:bgPr>
        <a:solidFill>
          <a:srgbClr val="008F83"/>
        </a:solidFill>
        <a:effectLst/>
      </p:bgPr>
    </p:bg>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p:cNvPicPr>
            <a:picLocks noGrp="1" noRot="1" noChangeAspect="1" noMove="1" noResize="1" noEditPoints="1" noAdjustHandles="1" noChangeArrowheads="1" noChangeShapeType="1" noCrop="1"/>
          </p:cNvPicPr>
          <p:nvPr userDrawn="1"/>
        </p:nvPicPr>
        <p:blipFill rotWithShape="1">
          <a:blip r:embed="rId2" cstate="screen">
            <a:extLst>
              <a:ext uri="{96DAC541-7B7A-43D3-8B79-37D633B846F1}">
                <asvg:svgBlip xmlns:asvg="http://schemas.microsoft.com/office/drawing/2016/SVG/main" r:embed="rId3"/>
              </a:ext>
            </a:extLst>
          </a:blip>
          <a:srcRect t="9517" r="46804" b="9929"/>
          <a:stretch>
            <a:fillRect/>
          </a:stretch>
        </p:blipFill>
        <p:spPr>
          <a:xfrm>
            <a:off x="7663129" y="0"/>
            <a:ext cx="4528871" cy="6858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4" name="Legal dynamic" descr="{&quot;templafy&quot;:{&quot;id&quot;:&quot;2ed65493-5648-4306-9d67-49b1e4f04c78&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5" name="Internal Stamp dynamic" descr="{&quot;templafy&quot;:{&quot;id&quot;:&quot;bd81d6c0-fb49-4577-a2a3-4cf968bec6de&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6020202030204" pitchFamily="34" charset="0"/>
              <a:ea typeface="+mn-ea"/>
              <a:cs typeface="+mn-cs"/>
            </a:endParaRPr>
          </a:p>
        </p:txBody>
      </p:sp>
      <p:pic>
        <p:nvPicPr>
          <p:cNvPr id="2021143220" name="Dynamic logo hypermint" descr="{&quot;templafy&quot;:{&quot;id&quot;:&quot;96cc6f4a-728e-4772-b875-decc684b9a5b&quot;}}"/>
          <p:cNvPicPr>
            <a:picLocks noChangeAspect="1"/>
          </p:cNvPicPr>
          <p:nvPr/>
        </p:nvPicPr>
        <p:blipFill>
          <a:blip r:embed="rId4"/>
          <a:stretch>
            <a:fillRect/>
          </a:stretch>
        </p:blipFill>
        <p:spPr>
          <a:xfrm>
            <a:off x="346677" y="5882400"/>
            <a:ext cx="2145600" cy="756000"/>
          </a:xfrm>
          <a:prstGeom prst="rect">
            <a:avLst/>
          </a:prstGeom>
        </p:spPr>
      </p:pic>
      <p:sp>
        <p:nvSpPr>
          <p:cNvPr id="15" name="Slide Number Placeholder 14"/>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6"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G. Cover">
    <p:bg bwMode="ltGray">
      <p:bgPr>
        <a:solidFill>
          <a:schemeClr val="tx1"/>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8" name="Picture 7" descr="A person looking at a cell phone&#10;&#10;Description automatically generated"/>
          <p:cNvPicPr>
            <a:picLocks noChangeAspect="1"/>
          </p:cNvPicPr>
          <p:nvPr userDrawn="1"/>
        </p:nvPicPr>
        <p:blipFill rotWithShape="1">
          <a:blip r:embed="rId2" cstate="email"/>
          <a:srcRect/>
          <a:stretch>
            <a:fillRect/>
          </a:stretch>
        </p:blipFill>
        <p:spPr>
          <a:xfrm>
            <a:off x="0" y="0"/>
            <a:ext cx="12192000" cy="6858000"/>
          </a:xfrm>
          <a:prstGeom prst="rect">
            <a:avLst/>
          </a:prstGeom>
        </p:spPr>
      </p:pic>
      <p:sp>
        <p:nvSpPr>
          <p:cNvPr id="17" name="Graphic"/>
          <p:cNvSpPr/>
          <p:nvPr userDrawn="1"/>
        </p:nvSpPr>
        <p:spPr>
          <a:xfrm>
            <a:off x="358775" y="358775"/>
            <a:ext cx="11469688" cy="6138000"/>
          </a:xfrm>
          <a:custGeom>
            <a:avLst/>
            <a:gdLst>
              <a:gd name="connsiteX0" fmla="*/ 8117764 w 11469688"/>
              <a:gd name="connsiteY0" fmla="*/ 532822 h 6138000"/>
              <a:gd name="connsiteX1" fmla="*/ 7810298 w 11469688"/>
              <a:gd name="connsiteY1" fmla="*/ 840285 h 6138000"/>
              <a:gd name="connsiteX2" fmla="*/ 7810298 w 11469688"/>
              <a:gd name="connsiteY2" fmla="*/ 1839636 h 6138000"/>
              <a:gd name="connsiteX3" fmla="*/ 7579668 w 11469688"/>
              <a:gd name="connsiteY3" fmla="*/ 2070265 h 6138000"/>
              <a:gd name="connsiteX4" fmla="*/ 6580310 w 11469688"/>
              <a:gd name="connsiteY4" fmla="*/ 2070265 h 6138000"/>
              <a:gd name="connsiteX5" fmla="*/ 6272844 w 11469688"/>
              <a:gd name="connsiteY5" fmla="*/ 2377728 h 6138000"/>
              <a:gd name="connsiteX6" fmla="*/ 6272844 w 11469688"/>
              <a:gd name="connsiteY6" fmla="*/ 3300118 h 6138000"/>
              <a:gd name="connsiteX7" fmla="*/ 6580310 w 11469688"/>
              <a:gd name="connsiteY7" fmla="*/ 3607581 h 6138000"/>
              <a:gd name="connsiteX8" fmla="*/ 7579668 w 11469688"/>
              <a:gd name="connsiteY8" fmla="*/ 3607581 h 6138000"/>
              <a:gd name="connsiteX9" fmla="*/ 7810298 w 11469688"/>
              <a:gd name="connsiteY9" fmla="*/ 3838210 h 6138000"/>
              <a:gd name="connsiteX10" fmla="*/ 7810298 w 11469688"/>
              <a:gd name="connsiteY10" fmla="*/ 4837561 h 6138000"/>
              <a:gd name="connsiteX11" fmla="*/ 8117764 w 11469688"/>
              <a:gd name="connsiteY11" fmla="*/ 5145024 h 6138000"/>
              <a:gd name="connsiteX12" fmla="*/ 9040160 w 11469688"/>
              <a:gd name="connsiteY12" fmla="*/ 5145024 h 6138000"/>
              <a:gd name="connsiteX13" fmla="*/ 9347625 w 11469688"/>
              <a:gd name="connsiteY13" fmla="*/ 4837561 h 6138000"/>
              <a:gd name="connsiteX14" fmla="*/ 9347625 w 11469688"/>
              <a:gd name="connsiteY14" fmla="*/ 3838210 h 6138000"/>
              <a:gd name="connsiteX15" fmla="*/ 9578256 w 11469688"/>
              <a:gd name="connsiteY15" fmla="*/ 3607581 h 6138000"/>
              <a:gd name="connsiteX16" fmla="*/ 10577614 w 11469688"/>
              <a:gd name="connsiteY16" fmla="*/ 3607581 h 6138000"/>
              <a:gd name="connsiteX17" fmla="*/ 10885079 w 11469688"/>
              <a:gd name="connsiteY17" fmla="*/ 3300118 h 6138000"/>
              <a:gd name="connsiteX18" fmla="*/ 10885079 w 11469688"/>
              <a:gd name="connsiteY18" fmla="*/ 2377728 h 6138000"/>
              <a:gd name="connsiteX19" fmla="*/ 10577614 w 11469688"/>
              <a:gd name="connsiteY19" fmla="*/ 2070265 h 6138000"/>
              <a:gd name="connsiteX20" fmla="*/ 9578256 w 11469688"/>
              <a:gd name="connsiteY20" fmla="*/ 2070265 h 6138000"/>
              <a:gd name="connsiteX21" fmla="*/ 9347625 w 11469688"/>
              <a:gd name="connsiteY21" fmla="*/ 1839636 h 6138000"/>
              <a:gd name="connsiteX22" fmla="*/ 9347625 w 11469688"/>
              <a:gd name="connsiteY22" fmla="*/ 840285 h 6138000"/>
              <a:gd name="connsiteX23" fmla="*/ 9040160 w 11469688"/>
              <a:gd name="connsiteY23" fmla="*/ 532822 h 6138000"/>
              <a:gd name="connsiteX24" fmla="*/ 449486 w 11469688"/>
              <a:gd name="connsiteY24" fmla="*/ 0 h 6138000"/>
              <a:gd name="connsiteX25" fmla="*/ 11020202 w 11469688"/>
              <a:gd name="connsiteY25" fmla="*/ 0 h 6138000"/>
              <a:gd name="connsiteX26" fmla="*/ 11469688 w 11469688"/>
              <a:gd name="connsiteY26" fmla="*/ 449486 h 6138000"/>
              <a:gd name="connsiteX27" fmla="*/ 11469688 w 11469688"/>
              <a:gd name="connsiteY27" fmla="*/ 5688514 h 6138000"/>
              <a:gd name="connsiteX28" fmla="*/ 11020202 w 11469688"/>
              <a:gd name="connsiteY28" fmla="*/ 6138000 h 6138000"/>
              <a:gd name="connsiteX29" fmla="*/ 449486 w 11469688"/>
              <a:gd name="connsiteY29" fmla="*/ 6138000 h 6138000"/>
              <a:gd name="connsiteX30" fmla="*/ 0 w 11469688"/>
              <a:gd name="connsiteY30" fmla="*/ 5688514 h 6138000"/>
              <a:gd name="connsiteX31" fmla="*/ 0 w 11469688"/>
              <a:gd name="connsiteY31" fmla="*/ 449486 h 6138000"/>
              <a:gd name="connsiteX32" fmla="*/ 449486 w 11469688"/>
              <a:gd name="connsiteY32" fmla="*/ 0 h 613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469688" h="6138000">
                <a:moveTo>
                  <a:pt x="8117764" y="532822"/>
                </a:moveTo>
                <a:cubicBezTo>
                  <a:pt x="7947966" y="532822"/>
                  <a:pt x="7810298" y="670488"/>
                  <a:pt x="7810298" y="840285"/>
                </a:cubicBezTo>
                <a:lnTo>
                  <a:pt x="7810298" y="1839636"/>
                </a:lnTo>
                <a:cubicBezTo>
                  <a:pt x="7810298" y="1967015"/>
                  <a:pt x="7707048" y="2070265"/>
                  <a:pt x="7579668" y="2070265"/>
                </a:cubicBezTo>
                <a:lnTo>
                  <a:pt x="6580310" y="2070265"/>
                </a:lnTo>
                <a:cubicBezTo>
                  <a:pt x="6410512" y="2070265"/>
                  <a:pt x="6272844" y="2207931"/>
                  <a:pt x="6272844" y="2377728"/>
                </a:cubicBezTo>
                <a:lnTo>
                  <a:pt x="6272844" y="3300118"/>
                </a:lnTo>
                <a:cubicBezTo>
                  <a:pt x="6272844" y="3469915"/>
                  <a:pt x="6410512" y="3607581"/>
                  <a:pt x="6580310" y="3607581"/>
                </a:cubicBezTo>
                <a:lnTo>
                  <a:pt x="7579668" y="3607581"/>
                </a:lnTo>
                <a:cubicBezTo>
                  <a:pt x="7707048" y="3607581"/>
                  <a:pt x="7810298" y="3710831"/>
                  <a:pt x="7810298" y="3838210"/>
                </a:cubicBezTo>
                <a:lnTo>
                  <a:pt x="7810298" y="4837561"/>
                </a:lnTo>
                <a:cubicBezTo>
                  <a:pt x="7810298" y="5007358"/>
                  <a:pt x="7947966" y="5145024"/>
                  <a:pt x="8117764" y="5145024"/>
                </a:cubicBezTo>
                <a:lnTo>
                  <a:pt x="9040160" y="5145024"/>
                </a:lnTo>
                <a:cubicBezTo>
                  <a:pt x="9209958" y="5145024"/>
                  <a:pt x="9347625" y="5007358"/>
                  <a:pt x="9347625" y="4837561"/>
                </a:cubicBezTo>
                <a:lnTo>
                  <a:pt x="9347625" y="3838210"/>
                </a:lnTo>
                <a:cubicBezTo>
                  <a:pt x="9347625" y="3710831"/>
                  <a:pt x="9450876" y="3607581"/>
                  <a:pt x="9578256" y="3607581"/>
                </a:cubicBezTo>
                <a:lnTo>
                  <a:pt x="10577614" y="3607581"/>
                </a:lnTo>
                <a:cubicBezTo>
                  <a:pt x="10747412" y="3607581"/>
                  <a:pt x="10885079" y="3469915"/>
                  <a:pt x="10885079" y="3300118"/>
                </a:cubicBezTo>
                <a:lnTo>
                  <a:pt x="10885079" y="2377728"/>
                </a:lnTo>
                <a:cubicBezTo>
                  <a:pt x="10885079" y="2207931"/>
                  <a:pt x="10747412" y="2070265"/>
                  <a:pt x="10577614" y="2070265"/>
                </a:cubicBezTo>
                <a:lnTo>
                  <a:pt x="9578256" y="2070265"/>
                </a:lnTo>
                <a:cubicBezTo>
                  <a:pt x="9450876" y="2070265"/>
                  <a:pt x="9347625" y="1967015"/>
                  <a:pt x="9347625" y="1839636"/>
                </a:cubicBezTo>
                <a:lnTo>
                  <a:pt x="9347625" y="840285"/>
                </a:lnTo>
                <a:cubicBezTo>
                  <a:pt x="9347625" y="670488"/>
                  <a:pt x="9209958" y="532822"/>
                  <a:pt x="9040160" y="532822"/>
                </a:cubicBezTo>
                <a:close/>
                <a:moveTo>
                  <a:pt x="449486" y="0"/>
                </a:moveTo>
                <a:lnTo>
                  <a:pt x="11020202" y="0"/>
                </a:lnTo>
                <a:cubicBezTo>
                  <a:pt x="11268446" y="0"/>
                  <a:pt x="11469688" y="201242"/>
                  <a:pt x="11469688" y="449486"/>
                </a:cubicBezTo>
                <a:lnTo>
                  <a:pt x="11469688" y="5688514"/>
                </a:lnTo>
                <a:cubicBezTo>
                  <a:pt x="11469688" y="5936758"/>
                  <a:pt x="11268446" y="6138000"/>
                  <a:pt x="11020202" y="6138000"/>
                </a:cubicBezTo>
                <a:lnTo>
                  <a:pt x="449486" y="6138000"/>
                </a:lnTo>
                <a:cubicBezTo>
                  <a:pt x="201242" y="6138000"/>
                  <a:pt x="0" y="5936758"/>
                  <a:pt x="0" y="5688514"/>
                </a:cubicBezTo>
                <a:lnTo>
                  <a:pt x="0" y="449486"/>
                </a:lnTo>
                <a:cubicBezTo>
                  <a:pt x="0" y="201242"/>
                  <a:pt x="201242" y="0"/>
                  <a:pt x="449486" y="0"/>
                </a:cubicBezTo>
                <a:close/>
              </a:path>
            </a:pathLst>
          </a:cu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 name="Title 1"/>
          <p:cNvSpPr>
            <a:spLocks noGrp="1"/>
          </p:cNvSpPr>
          <p:nvPr>
            <p:ph type="ctrTitle" hasCustomPrompt="1"/>
          </p:nvPr>
        </p:nvSpPr>
        <p:spPr bwMode="white">
          <a:xfrm>
            <a:off x="841248" y="1450800"/>
            <a:ext cx="5165852" cy="1820862"/>
          </a:xfrm>
          <a:noFill/>
        </p:spPr>
        <p:txBody>
          <a:bodyPr anchor="b" anchorCtr="0"/>
          <a:lstStyle>
            <a:lvl1pPr algn="l">
              <a:lnSpc>
                <a:spcPct val="85000"/>
              </a:lnSpc>
              <a:defRPr sz="6000" b="0">
                <a:solidFill>
                  <a:srgbClr val="035C67"/>
                </a:solidFill>
              </a:defRPr>
            </a:lvl1pPr>
          </a:lstStyle>
          <a:p>
            <a:r>
              <a:rPr lang="en-US" dirty="0"/>
              <a:t>Click to add title</a:t>
            </a:r>
            <a:endParaRPr lang="en-US" dirty="0"/>
          </a:p>
        </p:txBody>
      </p:sp>
      <p:sp>
        <p:nvSpPr>
          <p:cNvPr id="11" name="Text Placeholder 4"/>
          <p:cNvSpPr>
            <a:spLocks noGrp="1"/>
          </p:cNvSpPr>
          <p:nvPr>
            <p:ph type="body" sz="quarter" idx="13" hasCustomPrompt="1"/>
          </p:nvPr>
        </p:nvSpPr>
        <p:spPr bwMode="white">
          <a:xfrm>
            <a:off x="841248" y="3654000"/>
            <a:ext cx="5165852" cy="1728000"/>
          </a:xfrm>
        </p:spPr>
        <p:txBody>
          <a:bodyPr/>
          <a:lstStyle>
            <a:lvl1pPr marL="0" indent="0">
              <a:lnSpc>
                <a:spcPct val="105000"/>
              </a:lnSpc>
              <a:buNone/>
              <a:defRPr sz="2200">
                <a:solidFill>
                  <a:srgbClr val="035C67"/>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dirty="0"/>
          </a:p>
        </p:txBody>
      </p:sp>
      <p:sp>
        <p:nvSpPr>
          <p:cNvPr id="4" name="Dynamic logo hypermint" title="Form.Logo.LogoHypermint"/>
          <p:cNvSpPr/>
          <p:nvPr userDrawn="1"/>
        </p:nvSpPr>
        <p:spPr>
          <a:xfrm>
            <a:off x="820800" y="5569200"/>
            <a:ext cx="2145600" cy="75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1683207115" name="Dynamic logo dark mint" descr="{&quot;templafy&quot;:{&quot;id&quot;:&quot;44494df6-4efe-43e3-a0b7-b06d09a90b6f&quot;}}"/>
          <p:cNvPicPr>
            <a:picLocks noChangeAspect="1"/>
          </p:cNvPicPr>
          <p:nvPr/>
        </p:nvPicPr>
        <p:blipFill>
          <a:blip r:embed="rId3"/>
          <a:stretch>
            <a:fillRect/>
          </a:stretch>
        </p:blipFill>
        <p:spPr>
          <a:xfrm>
            <a:off x="820800" y="5569200"/>
            <a:ext cx="2145600" cy="756000"/>
          </a:xfrm>
          <a:prstGeom prst="rect">
            <a:avLst/>
          </a:prstGeom>
        </p:spPr>
      </p:pic>
      <p:sp>
        <p:nvSpPr>
          <p:cNvPr id="5" name="Legal dynamic" descr="{&quot;templafy&quot;:{&quot;id&quot;:&quot;1136905c-4f0f-416c-9564-5b096038fbb4&quot;}}" title="Form.Cigna_Confidentiality.EvernorthConfidentiality"/>
          <p:cNvSpPr/>
          <p:nvPr userDrawn="1"/>
        </p:nvSpPr>
        <p:spPr>
          <a:xfrm>
            <a:off x="5430786" y="5903806"/>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3" name="Internal Stamp dynamic" descr="{&quot;templafy&quot;:{&quot;id&quot;:&quot;c2ba8890-1c9a-4f70-98f8-168e5eca9742&quot;}}" title="Form.Cigna_Confidentiality.Cigna_confidentiality"/>
          <p:cNvSpPr/>
          <p:nvPr userDrawn="1"/>
        </p:nvSpPr>
        <p:spPr>
          <a:xfrm>
            <a:off x="3096000" y="5903806"/>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sp>
        <p:nvSpPr>
          <p:cNvPr id="18" name="Slide Number Placeholder 12"/>
          <p:cNvSpPr>
            <a:spLocks noGrp="1"/>
          </p:cNvSpPr>
          <p:nvPr>
            <p:ph type="sldNum" sz="quarter" idx="16"/>
          </p:nvPr>
        </p:nvSpPr>
        <p:spPr>
          <a:xfrm>
            <a:off x="11068880" y="6051600"/>
            <a:ext cx="266400" cy="180000"/>
          </a:xfrm>
        </p:spPr>
        <p:txBody>
          <a:bodyPr/>
          <a:lstStyle>
            <a:lvl1pPr>
              <a:defRPr>
                <a:solidFill>
                  <a:srgbClr val="035C67"/>
                </a:solidFill>
              </a:defRPr>
            </a:lvl1pPr>
          </a:lstStyle>
          <a:p>
            <a:fld id="{23AA811B-2EBD-4900-905E-5BE206449611}" type="slidenum">
              <a:rPr lang="en-US" smtClean="0"/>
            </a:fld>
            <a:endParaRPr lang="en-US" dirty="0"/>
          </a:p>
        </p:txBody>
      </p:sp>
      <p:sp>
        <p:nvSpPr>
          <p:cNvPr id="3" name="Date Placeholder 2"/>
          <p:cNvSpPr>
            <a:spLocks noGrp="1"/>
          </p:cNvSpPr>
          <p:nvPr>
            <p:ph type="dt" sz="half" idx="17"/>
          </p:nvPr>
        </p:nvSpPr>
        <p:spPr>
          <a:xfrm>
            <a:off x="10141200" y="6051600"/>
            <a:ext cx="691200" cy="180000"/>
          </a:xfrm>
        </p:spPr>
        <p:txBody>
          <a:bodyPr/>
          <a:lstStyle>
            <a:lvl1pPr>
              <a:defRPr>
                <a:solidFill>
                  <a:srgbClr val="035C67"/>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E. Quote">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p:cNvGrpSpPr>
            <a:grpSpLocks noGrp="1" noRot="1" noMove="1" noResize="1" noUngrp="1"/>
          </p:cNvGrpSpPr>
          <p:nvPr userDrawn="1"/>
        </p:nvGrpSpPr>
        <p:grpSpPr>
          <a:xfrm>
            <a:off x="7651420" y="3014"/>
            <a:ext cx="4540580" cy="6858000"/>
            <a:chOff x="7656945" y="3014"/>
            <a:chExt cx="4540580" cy="6858000"/>
          </a:xfrm>
          <a:gradFill>
            <a:gsLst>
              <a:gs pos="15000">
                <a:schemeClr val="accent1"/>
              </a:gs>
              <a:gs pos="87000">
                <a:schemeClr val="accent3"/>
              </a:gs>
              <a:gs pos="43000">
                <a:srgbClr val="1FC7A2"/>
              </a:gs>
              <a:gs pos="70000">
                <a:schemeClr val="accent2"/>
              </a:gs>
            </a:gsLst>
            <a:lin ang="15600000" scaled="0"/>
          </a:gradFill>
        </p:grpSpPr>
        <p:sp>
          <p:nvSpPr>
            <p:cNvPr id="5" name="Freeform 4"/>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Freeform 7"/>
            <p:cNvSpPr>
              <a:spLocks noGrp="1" noRot="1" noMove="1" noResize="1" noEditPoints="1" noAdjustHandles="1" noChangeArrowheads="1" noChangeShapeType="1"/>
            </p:cNvSpPr>
            <p:nvPr userDrawn="1"/>
          </p:nvSpPr>
          <p:spPr>
            <a:xfrm>
              <a:off x="10506313"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2" name="Legal dynamic" descr="{&quot;templafy&quot;:{&quot;id&quot;:&quot;dff26c75-dbb9-4009-8ef9-a276a4308c07&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6" name="Internal Stamp dynamic" descr="{&quot;templafy&quot;:{&quot;id&quot;:&quot;a0c6e2bb-eeed-4c43-b337-ce194e4f9db2&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873015631" name="Dynamic logo dark mint" descr="{&quot;templafy&quot;:{&quot;id&quot;:&quot;1ec30230-4c59-4091-9587-fc778ae407a2&quot;}}"/>
          <p:cNvPicPr>
            <a:picLocks noChangeAspect="1"/>
          </p:cNvPicPr>
          <p:nvPr/>
        </p:nvPicPr>
        <p:blipFill>
          <a:blip r:embed="rId2"/>
          <a:stretch>
            <a:fillRect/>
          </a:stretch>
        </p:blipFill>
        <p:spPr>
          <a:xfrm>
            <a:off x="346677" y="5882400"/>
            <a:ext cx="2145600" cy="756000"/>
          </a:xfrm>
          <a:prstGeom prst="rect">
            <a:avLst/>
          </a:prstGeom>
        </p:spPr>
      </p:pic>
      <p:sp>
        <p:nvSpPr>
          <p:cNvPr id="15" name="Slide Number Placeholder 14"/>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9"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F. Quote">
    <p:bg>
      <p:bgRef idx="1001">
        <a:schemeClr val="bg1"/>
      </p:bgRef>
    </p:bg>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9" name="Group 8"/>
          <p:cNvGrpSpPr>
            <a:grpSpLocks noGrp="1" noRot="1" noMove="1" noResize="1" noUngrp="1"/>
          </p:cNvGrpSpPr>
          <p:nvPr userDrawn="1"/>
        </p:nvGrpSpPr>
        <p:grpSpPr>
          <a:xfrm>
            <a:off x="7656945" y="3014"/>
            <a:ext cx="4535055" cy="6861600"/>
            <a:chOff x="7656945" y="3014"/>
            <a:chExt cx="4535055" cy="6858000"/>
          </a:xfrm>
          <a:blipFill dpi="0" rotWithShape="0">
            <a:blip r:embed="rId2"/>
            <a:srcRect/>
            <a:stretch>
              <a:fillRect l="-2000" t="-1000" r="-1000" b="-1000"/>
            </a:stretch>
          </a:blipFill>
        </p:grpSpPr>
        <p:sp>
          <p:nvSpPr>
            <p:cNvPr id="11" name="Freeform 24"/>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2" name="Freeform 34"/>
            <p:cNvSpPr>
              <a:spLocks noGrp="1" noRot="1" noMove="1" noResize="1" noEditPoints="1" noAdjustHandles="1" noChangeArrowheads="1" noChangeShapeType="1"/>
            </p:cNvSpPr>
            <p:nvPr userDrawn="1"/>
          </p:nvSpPr>
          <p:spPr>
            <a:xfrm>
              <a:off x="10494438"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4" name="Legal dynamic" descr="{&quot;templafy&quot;:{&quot;id&quot;:&quot;f9b47379-5a08-47a4-bfdf-ac6233c7f7bb&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5" name="Internal Stamp dynamic" descr="{&quot;templafy&quot;:{&quot;id&quot;:&quot;0df255f5-820e-4dd8-8e5c-522c79da4d78&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213338670" name="Dynamic logo hypermint" descr="{&quot;templafy&quot;:{&quot;id&quot;:&quot;c016d9c6-2c57-49cf-a58a-472da897ef1a&quot;}}"/>
          <p:cNvPicPr>
            <a:picLocks noChangeAspect="1"/>
          </p:cNvPicPr>
          <p:nvPr/>
        </p:nvPicPr>
        <p:blipFill>
          <a:blip r:embed="rId3"/>
          <a:stretch>
            <a:fillRect/>
          </a:stretch>
        </p:blipFill>
        <p:spPr>
          <a:xfrm>
            <a:off x="346677" y="5882400"/>
            <a:ext cx="2145600" cy="756000"/>
          </a:xfrm>
          <a:prstGeom prst="rect">
            <a:avLst/>
          </a:prstGeom>
        </p:spPr>
      </p:pic>
      <p:sp>
        <p:nvSpPr>
          <p:cNvPr id="15" name="Slide Number Placeholder 14"/>
          <p:cNvSpPr>
            <a:spLocks noGrp="1"/>
          </p:cNvSpPr>
          <p:nvPr userDrawn="1">
            <p:ph type="sldNum" sz="quarter" idx="15"/>
          </p:nvPr>
        </p:nvSpPr>
        <p:spPr/>
        <p:txBody>
          <a:bodyPr/>
          <a:lstStyle>
            <a:lvl1pPr>
              <a:defRPr>
                <a:solidFill>
                  <a:schemeClr val="bg2"/>
                </a:solidFill>
              </a:defRPr>
            </a:lvl1pPr>
          </a:lstStyle>
          <a:p>
            <a:fld id="{23AA811B-2EBD-4900-905E-5BE206449611}" type="slidenum">
              <a:rPr lang="en-US" smtClean="0"/>
            </a:fld>
            <a:endParaRPr lang="en-US" dirty="0"/>
          </a:p>
        </p:txBody>
      </p:sp>
      <p:sp>
        <p:nvSpPr>
          <p:cNvPr id="6"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G. Quote">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p:cNvGrpSpPr>
            <a:grpSpLocks noGrp="1" noRot="1" noMove="1" noResize="1" noUngrp="1"/>
          </p:cNvGrpSpPr>
          <p:nvPr userDrawn="1"/>
        </p:nvGrpSpPr>
        <p:grpSpPr>
          <a:xfrm>
            <a:off x="7651420" y="3014"/>
            <a:ext cx="4540580" cy="6858000"/>
            <a:chOff x="7656945" y="3014"/>
            <a:chExt cx="4540580" cy="6858000"/>
          </a:xfrm>
          <a:gradFill>
            <a:gsLst>
              <a:gs pos="15000">
                <a:schemeClr val="accent1"/>
              </a:gs>
              <a:gs pos="87000">
                <a:schemeClr val="accent3"/>
              </a:gs>
              <a:gs pos="43000">
                <a:srgbClr val="1FC7A2"/>
              </a:gs>
              <a:gs pos="70000">
                <a:schemeClr val="accent2"/>
              </a:gs>
            </a:gsLst>
            <a:lin ang="15600000" scaled="0"/>
          </a:gradFill>
        </p:grpSpPr>
        <p:sp>
          <p:nvSpPr>
            <p:cNvPr id="5" name="Freeform 4"/>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Freeform 7"/>
            <p:cNvSpPr>
              <a:spLocks noGrp="1" noRot="1" noMove="1" noResize="1" noEditPoints="1" noAdjustHandles="1" noChangeArrowheads="1" noChangeShapeType="1"/>
            </p:cNvSpPr>
            <p:nvPr userDrawn="1"/>
          </p:nvSpPr>
          <p:spPr>
            <a:xfrm>
              <a:off x="10506313"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pic>
        <p:nvPicPr>
          <p:cNvPr id="10" name="Picture 9"/>
          <p:cNvPicPr>
            <a:picLocks noGrp="1" noRot="1" noMove="1" noResize="1" noEditPoints="1" noAdjustHandles="1" noChangeArrowheads="1" noChangeShapeType="1" noCrop="1"/>
          </p:cNvPicPr>
          <p:nvPr userDrawn="1"/>
        </p:nvPicPr>
        <p:blipFill>
          <a:blip r:embed="rId2" cstate="screen"/>
          <a:srcRect/>
          <a:stretch>
            <a:fillRect/>
          </a:stretch>
        </p:blipFill>
        <p:spPr>
          <a:xfrm>
            <a:off x="3520800" y="128336"/>
            <a:ext cx="7207678" cy="6729664"/>
          </a:xfrm>
          <a:prstGeom prst="rect">
            <a:avLst/>
          </a:prstGeom>
        </p:spPr>
      </p:pic>
      <p:sp>
        <p:nvSpPr>
          <p:cNvPr id="7" name="Text Placeholder 2"/>
          <p:cNvSpPr>
            <a:spLocks noGrp="1"/>
          </p:cNvSpPr>
          <p:nvPr userDrawn="1">
            <p:ph type="body" sz="quarter" idx="13" hasCustomPrompt="1"/>
          </p:nvPr>
        </p:nvSpPr>
        <p:spPr>
          <a:xfrm>
            <a:off x="358776" y="1626668"/>
            <a:ext cx="4676774"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2" name="Legal dynamic" descr="{&quot;templafy&quot;:{&quot;id&quot;:&quot;af8fe52b-8489-43b5-af02-40ebd4c40f4a&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bg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bg2"/>
              </a:solidFill>
              <a:effectLst/>
              <a:latin typeface="Arial Narrow" panose="020B0606020202030204" pitchFamily="34" charset="0"/>
              <a:ea typeface="Arial" panose="020B0604020202020204" pitchFamily="34" charset="0"/>
              <a:cs typeface="Arial Narrow" panose="020B0606020202030204" pitchFamily="34" charset="0"/>
            </a:endParaRPr>
          </a:p>
        </p:txBody>
      </p:sp>
      <p:pic>
        <p:nvPicPr>
          <p:cNvPr id="1074793170" name="Dynamic logo dark mint" descr="{&quot;templafy&quot;:{&quot;id&quot;:&quot;dac81937-bc75-4f28-8857-43ae87a85a76&quot;}}"/>
          <p:cNvPicPr>
            <a:picLocks noChangeAspect="1"/>
          </p:cNvPicPr>
          <p:nvPr/>
        </p:nvPicPr>
        <p:blipFill>
          <a:blip r:embed="rId3"/>
          <a:stretch>
            <a:fillRect/>
          </a:stretch>
        </p:blipFill>
        <p:spPr>
          <a:xfrm>
            <a:off x="346677" y="5882400"/>
            <a:ext cx="2145600" cy="756000"/>
          </a:xfrm>
          <a:prstGeom prst="rect">
            <a:avLst/>
          </a:prstGeom>
        </p:spPr>
      </p:pic>
      <p:sp>
        <p:nvSpPr>
          <p:cNvPr id="13" name="Internal Stamp dynamic" descr="{&quot;templafy&quot;:{&quot;id&quot;:&quot;0ba4612b-c855-4f0a-9f46-518391c2c805&quot;}}" title="Form.Cigna_Confidentiality.Cigna_confidentiality"/>
          <p:cNvSpPr/>
          <p:nvPr userDrawn="1"/>
        </p:nvSpPr>
        <p:spPr>
          <a:xfrm>
            <a:off x="2844000" y="6216565"/>
            <a:ext cx="140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accent3"/>
              </a:solidFill>
              <a:effectLst/>
              <a:latin typeface="Arial Narrow" panose="020B0606020202030204" pitchFamily="34" charset="0"/>
              <a:ea typeface="+mn-ea"/>
              <a:cs typeface="+mn-cs"/>
            </a:endParaRPr>
          </a:p>
        </p:txBody>
      </p:sp>
      <p:sp>
        <p:nvSpPr>
          <p:cNvPr id="15" name="Slide Number Placeholder 14"/>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9"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H. Quote">
    <p:bg>
      <p:bgRef idx="1001">
        <a:schemeClr val="bg1"/>
      </p:bgRef>
    </p:bg>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9" name="Group 8"/>
          <p:cNvGrpSpPr>
            <a:grpSpLocks noGrp="1" noRot="1" noMove="1" noResize="1" noUngrp="1"/>
          </p:cNvGrpSpPr>
          <p:nvPr userDrawn="1"/>
        </p:nvGrpSpPr>
        <p:grpSpPr>
          <a:xfrm>
            <a:off x="7656945" y="3014"/>
            <a:ext cx="4535055" cy="6861600"/>
            <a:chOff x="7656945" y="3014"/>
            <a:chExt cx="4535055" cy="6858000"/>
          </a:xfrm>
          <a:blipFill dpi="0" rotWithShape="0">
            <a:blip r:embed="rId2"/>
            <a:srcRect/>
            <a:stretch>
              <a:fillRect l="-2000" t="-1000" r="-1000" b="-1000"/>
            </a:stretch>
          </a:blipFill>
        </p:grpSpPr>
        <p:sp>
          <p:nvSpPr>
            <p:cNvPr id="11" name="Freeform 24"/>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2" name="Freeform 34"/>
            <p:cNvSpPr>
              <a:spLocks noGrp="1" noRot="1" noMove="1" noResize="1" noEditPoints="1" noAdjustHandles="1" noChangeArrowheads="1" noChangeShapeType="1"/>
            </p:cNvSpPr>
            <p:nvPr userDrawn="1"/>
          </p:nvSpPr>
          <p:spPr>
            <a:xfrm>
              <a:off x="10494438"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pic>
        <p:nvPicPr>
          <p:cNvPr id="8" name="Picture 7"/>
          <p:cNvPicPr>
            <a:picLocks noGrp="1" noRot="1" noMove="1" noResize="1" noEditPoints="1" noAdjustHandles="1" noChangeArrowheads="1" noChangeShapeType="1" noCrop="1"/>
          </p:cNvPicPr>
          <p:nvPr userDrawn="1"/>
        </p:nvPicPr>
        <p:blipFill>
          <a:blip r:embed="rId3" cstate="email"/>
          <a:srcRect/>
          <a:stretch>
            <a:fillRect/>
          </a:stretch>
        </p:blipFill>
        <p:spPr>
          <a:xfrm>
            <a:off x="3520800" y="128336"/>
            <a:ext cx="7207678" cy="6729664"/>
          </a:xfrm>
          <a:prstGeom prst="rect">
            <a:avLst/>
          </a:prstGeom>
        </p:spPr>
      </p:pic>
      <p:sp>
        <p:nvSpPr>
          <p:cNvPr id="7" name="Text Placeholder 2"/>
          <p:cNvSpPr>
            <a:spLocks noGrp="1"/>
          </p:cNvSpPr>
          <p:nvPr userDrawn="1">
            <p:ph type="body" sz="quarter" idx="13" hasCustomPrompt="1"/>
          </p:nvPr>
        </p:nvSpPr>
        <p:spPr>
          <a:xfrm>
            <a:off x="358776" y="1626668"/>
            <a:ext cx="4676774"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4" name="Legal dynamic" descr="{&quot;templafy&quot;:{&quot;id&quot;:&quot;d3b67dfa-7bf2-47b5-ae2f-1c078381253f&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pic>
        <p:nvPicPr>
          <p:cNvPr id="271998864" name="Dynamic logo hypermint" descr="{&quot;templafy&quot;:{&quot;id&quot;:&quot;1321d6ca-435a-4d0a-b737-4f573da8cdca&quot;}}"/>
          <p:cNvPicPr>
            <a:picLocks noChangeAspect="1"/>
          </p:cNvPicPr>
          <p:nvPr/>
        </p:nvPicPr>
        <p:blipFill>
          <a:blip r:embed="rId4"/>
          <a:stretch>
            <a:fillRect/>
          </a:stretch>
        </p:blipFill>
        <p:spPr>
          <a:xfrm>
            <a:off x="346677" y="5882400"/>
            <a:ext cx="2145600" cy="756000"/>
          </a:xfrm>
          <a:prstGeom prst="rect">
            <a:avLst/>
          </a:prstGeom>
        </p:spPr>
      </p:pic>
      <p:sp>
        <p:nvSpPr>
          <p:cNvPr id="16" name="Internal Stamp dynamic" descr="{&quot;templafy&quot;:{&quot;id&quot;:&quot;0fb8e48a-3e18-472e-b31b-f616c2fc5116&quot;}}" title="Form.Cigna_Confidentiality.Cigna_confidentiality"/>
          <p:cNvSpPr/>
          <p:nvPr userDrawn="1"/>
        </p:nvSpPr>
        <p:spPr>
          <a:xfrm>
            <a:off x="2844000" y="6216565"/>
            <a:ext cx="140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sp>
        <p:nvSpPr>
          <p:cNvPr id="15" name="Slide Number Placeholder 14"/>
          <p:cNvSpPr>
            <a:spLocks noGrp="1"/>
          </p:cNvSpPr>
          <p:nvPr userDrawn="1">
            <p:ph type="sldNum" sz="quarter" idx="15"/>
          </p:nvPr>
        </p:nvSpPr>
        <p:spPr/>
        <p:txBody>
          <a:bodyPr/>
          <a:lstStyle>
            <a:lvl1pPr>
              <a:defRPr>
                <a:solidFill>
                  <a:schemeClr val="bg2"/>
                </a:solidFill>
              </a:defRPr>
            </a:lvl1pPr>
          </a:lstStyle>
          <a:p>
            <a:fld id="{23AA811B-2EBD-4900-905E-5BE206449611}" type="slidenum">
              <a:rPr lang="en-US" smtClean="0"/>
            </a:fld>
            <a:endParaRPr lang="en-US" dirty="0"/>
          </a:p>
        </p:txBody>
      </p:sp>
      <p:sp>
        <p:nvSpPr>
          <p:cNvPr id="6"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I. Quote">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101" name="Group 100"/>
          <p:cNvGrpSpPr>
            <a:grpSpLocks noGrp="1" noRot="1" noMove="1" noResize="1" noUngrp="1"/>
          </p:cNvGrpSpPr>
          <p:nvPr userDrawn="1"/>
        </p:nvGrpSpPr>
        <p:grpSpPr>
          <a:xfrm>
            <a:off x="3538575" y="4314726"/>
            <a:ext cx="8681999" cy="2543274"/>
            <a:chOff x="3538575" y="4314726"/>
            <a:chExt cx="8681999" cy="2543274"/>
          </a:xfrm>
        </p:grpSpPr>
        <p:sp>
          <p:nvSpPr>
            <p:cNvPr id="102" name="Freeform: Shape 101"/>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03" name="Freeform 17"/>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90B9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104" name="Group 103"/>
            <p:cNvGrpSpPr>
              <a:grpSpLocks noGrp="1" noRot="1" noMove="1" noResize="1" noUngrp="1"/>
            </p:cNvGrpSpPr>
            <p:nvPr userDrawn="1"/>
          </p:nvGrpSpPr>
          <p:grpSpPr>
            <a:xfrm>
              <a:off x="3731134" y="4555175"/>
              <a:ext cx="4366883" cy="2228438"/>
              <a:chOff x="3644852" y="4555175"/>
              <a:chExt cx="4366883" cy="2228438"/>
            </a:xfrm>
            <a:solidFill>
              <a:srgbClr val="035C67"/>
            </a:solidFill>
          </p:grpSpPr>
          <p:grpSp>
            <p:nvGrpSpPr>
              <p:cNvPr id="105" name="Group 104"/>
              <p:cNvGrpSpPr>
                <a:grpSpLocks noGrp="1" noRot="1" noMove="1" noResize="1" noUngrp="1"/>
              </p:cNvGrpSpPr>
              <p:nvPr userDrawn="1"/>
            </p:nvGrpSpPr>
            <p:grpSpPr>
              <a:xfrm>
                <a:off x="5248227" y="4555175"/>
                <a:ext cx="1160133" cy="621888"/>
                <a:chOff x="5248227" y="4555175"/>
                <a:chExt cx="1160133" cy="621888"/>
              </a:xfrm>
              <a:grpFill/>
            </p:grpSpPr>
            <p:grpSp>
              <p:nvGrpSpPr>
                <p:cNvPr id="134" name="Group 133"/>
                <p:cNvGrpSpPr>
                  <a:grpSpLocks noGrp="1" noRot="1" noMove="1" noResize="1" noUngrp="1"/>
                </p:cNvGrpSpPr>
                <p:nvPr userDrawn="1"/>
              </p:nvGrpSpPr>
              <p:grpSpPr>
                <a:xfrm>
                  <a:off x="5248227" y="4555175"/>
                  <a:ext cx="1160133" cy="88488"/>
                  <a:chOff x="5248227" y="4555175"/>
                  <a:chExt cx="1160133" cy="88488"/>
                </a:xfrm>
                <a:grpFill/>
              </p:grpSpPr>
              <p:sp>
                <p:nvSpPr>
                  <p:cNvPr id="139"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40"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41"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35" name="Group 134"/>
                <p:cNvGrpSpPr>
                  <a:grpSpLocks noGrp="1" noRot="1" noMove="1" noResize="1" noUngrp="1"/>
                </p:cNvGrpSpPr>
                <p:nvPr userDrawn="1"/>
              </p:nvGrpSpPr>
              <p:grpSpPr>
                <a:xfrm>
                  <a:off x="5248227" y="5088575"/>
                  <a:ext cx="1160133" cy="88488"/>
                  <a:chOff x="5248227" y="4555175"/>
                  <a:chExt cx="1160133" cy="88488"/>
                </a:xfrm>
                <a:grpFill/>
              </p:grpSpPr>
              <p:sp>
                <p:nvSpPr>
                  <p:cNvPr id="136"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37"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38"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nvGrpSpPr>
              <p:cNvPr id="106" name="Group 105"/>
              <p:cNvGrpSpPr>
                <a:grpSpLocks noGrp="1" noRot="1" noMove="1" noResize="1" noUngrp="1"/>
              </p:cNvGrpSpPr>
              <p:nvPr userDrawn="1"/>
            </p:nvGrpSpPr>
            <p:grpSpPr>
              <a:xfrm>
                <a:off x="5248227" y="5625150"/>
                <a:ext cx="1160133" cy="88488"/>
                <a:chOff x="5248227" y="4555175"/>
                <a:chExt cx="1160133" cy="88488"/>
              </a:xfrm>
              <a:grpFill/>
            </p:grpSpPr>
            <p:sp>
              <p:nvSpPr>
                <p:cNvPr id="131"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32"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33"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07" name="Group 106"/>
              <p:cNvGrpSpPr>
                <a:grpSpLocks noGrp="1" noRot="1" noMove="1" noResize="1" noUngrp="1"/>
              </p:cNvGrpSpPr>
              <p:nvPr userDrawn="1"/>
            </p:nvGrpSpPr>
            <p:grpSpPr>
              <a:xfrm>
                <a:off x="5248227" y="6158550"/>
                <a:ext cx="1160133" cy="88488"/>
                <a:chOff x="5248227" y="4555175"/>
                <a:chExt cx="1160133" cy="88488"/>
              </a:xfrm>
              <a:grpFill/>
            </p:grpSpPr>
            <p:sp>
              <p:nvSpPr>
                <p:cNvPr id="128"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9"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30"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08" name="Group 107"/>
              <p:cNvGrpSpPr>
                <a:grpSpLocks noGrp="1" noRot="1" noMove="1" noResize="1" noUngrp="1"/>
              </p:cNvGrpSpPr>
              <p:nvPr userDrawn="1"/>
            </p:nvGrpSpPr>
            <p:grpSpPr>
              <a:xfrm>
                <a:off x="3644852" y="6158550"/>
                <a:ext cx="1160133" cy="88488"/>
                <a:chOff x="5248227" y="4555175"/>
                <a:chExt cx="1160133" cy="88488"/>
              </a:xfrm>
              <a:grpFill/>
            </p:grpSpPr>
            <p:sp>
              <p:nvSpPr>
                <p:cNvPr id="125"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6"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7"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09" name="Group 108"/>
              <p:cNvGrpSpPr>
                <a:grpSpLocks noGrp="1" noRot="1" noMove="1" noResize="1" noUngrp="1"/>
              </p:cNvGrpSpPr>
              <p:nvPr userDrawn="1"/>
            </p:nvGrpSpPr>
            <p:grpSpPr>
              <a:xfrm>
                <a:off x="6851602" y="6158550"/>
                <a:ext cx="1160133" cy="88488"/>
                <a:chOff x="5248227" y="4555175"/>
                <a:chExt cx="1160133" cy="88488"/>
              </a:xfrm>
              <a:grpFill/>
            </p:grpSpPr>
            <p:sp>
              <p:nvSpPr>
                <p:cNvPr id="122"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3"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4"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10" name="Group 109"/>
              <p:cNvGrpSpPr>
                <a:grpSpLocks noGrp="1" noRot="1" noMove="1" noResize="1" noUngrp="1"/>
              </p:cNvGrpSpPr>
              <p:nvPr userDrawn="1"/>
            </p:nvGrpSpPr>
            <p:grpSpPr>
              <a:xfrm>
                <a:off x="5248227" y="6695125"/>
                <a:ext cx="1160133" cy="88488"/>
                <a:chOff x="5248227" y="4555175"/>
                <a:chExt cx="1160133" cy="88488"/>
              </a:xfrm>
              <a:grpFill/>
            </p:grpSpPr>
            <p:sp>
              <p:nvSpPr>
                <p:cNvPr id="119"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0"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1"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11" name="Group 110"/>
              <p:cNvGrpSpPr>
                <a:grpSpLocks noGrp="1" noRot="1" noMove="1" noResize="1" noUngrp="1"/>
              </p:cNvGrpSpPr>
              <p:nvPr userDrawn="1"/>
            </p:nvGrpSpPr>
            <p:grpSpPr>
              <a:xfrm>
                <a:off x="3644852" y="6695125"/>
                <a:ext cx="1160133" cy="88488"/>
                <a:chOff x="5248227" y="4555175"/>
                <a:chExt cx="1160133" cy="88488"/>
              </a:xfrm>
              <a:grpFill/>
            </p:grpSpPr>
            <p:sp>
              <p:nvSpPr>
                <p:cNvPr id="116"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17"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18"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12" name="Group 111"/>
              <p:cNvGrpSpPr>
                <a:grpSpLocks noGrp="1" noRot="1" noMove="1" noResize="1" noUngrp="1"/>
              </p:cNvGrpSpPr>
              <p:nvPr userDrawn="1"/>
            </p:nvGrpSpPr>
            <p:grpSpPr>
              <a:xfrm>
                <a:off x="6851602" y="6695125"/>
                <a:ext cx="1160133" cy="88488"/>
                <a:chOff x="5248227" y="4555175"/>
                <a:chExt cx="1160133" cy="88488"/>
              </a:xfrm>
              <a:grpFill/>
            </p:grpSpPr>
            <p:sp>
              <p:nvSpPr>
                <p:cNvPr id="113"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14"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15"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pic>
        <p:nvPicPr>
          <p:cNvPr id="13" name="Picture 12" descr="A person holding a baby&#10;&#10;Description automatically generated"/>
          <p:cNvPicPr>
            <a:picLocks noGrp="1" noRot="1" noChangeAspect="1" noMove="1" noResize="1" noEditPoints="1" noAdjustHandles="1" noChangeArrowheads="1" noChangeShapeType="1" noCrop="1"/>
          </p:cNvPicPr>
          <p:nvPr userDrawn="1"/>
        </p:nvPicPr>
        <p:blipFill rotWithShape="1">
          <a:blip r:embed="rId2" cstate="screen"/>
          <a:srcRect/>
          <a:stretch>
            <a:fillRect/>
          </a:stretch>
        </p:blipFill>
        <p:spPr>
          <a:xfrm>
            <a:off x="6309284" y="354192"/>
            <a:ext cx="4738916" cy="4738918"/>
          </a:xfrm>
          <a:custGeom>
            <a:avLst/>
            <a:gdLst>
              <a:gd name="connsiteX0" fmla="*/ 1894492 w 4736490"/>
              <a:gd name="connsiteY0" fmla="*/ 0 h 4736492"/>
              <a:gd name="connsiteX1" fmla="*/ 2841739 w 4736490"/>
              <a:gd name="connsiteY1" fmla="*/ 0 h 4736492"/>
              <a:gd name="connsiteX2" fmla="*/ 3157445 w 4736490"/>
              <a:gd name="connsiteY2" fmla="*/ 315706 h 4736492"/>
              <a:gd name="connsiteX3" fmla="*/ 3157445 w 4736490"/>
              <a:gd name="connsiteY3" fmla="*/ 1342008 h 4736492"/>
              <a:gd name="connsiteX4" fmla="*/ 3394224 w 4736490"/>
              <a:gd name="connsiteY4" fmla="*/ 1578788 h 4736492"/>
              <a:gd name="connsiteX5" fmla="*/ 4420526 w 4736490"/>
              <a:gd name="connsiteY5" fmla="*/ 1578788 h 4736492"/>
              <a:gd name="connsiteX6" fmla="*/ 4736232 w 4736490"/>
              <a:gd name="connsiteY6" fmla="*/ 1894494 h 4736492"/>
              <a:gd name="connsiteX7" fmla="*/ 4736232 w 4736490"/>
              <a:gd name="connsiteY7" fmla="*/ 2841740 h 4736492"/>
              <a:gd name="connsiteX8" fmla="*/ 4736490 w 4736490"/>
              <a:gd name="connsiteY8" fmla="*/ 2841998 h 4736492"/>
              <a:gd name="connsiteX9" fmla="*/ 4420784 w 4736490"/>
              <a:gd name="connsiteY9" fmla="*/ 3157704 h 4736492"/>
              <a:gd name="connsiteX10" fmla="*/ 3394482 w 4736490"/>
              <a:gd name="connsiteY10" fmla="*/ 3157704 h 4736492"/>
              <a:gd name="connsiteX11" fmla="*/ 3157703 w 4736490"/>
              <a:gd name="connsiteY11" fmla="*/ 3394484 h 4736492"/>
              <a:gd name="connsiteX12" fmla="*/ 3157703 w 4736490"/>
              <a:gd name="connsiteY12" fmla="*/ 4420786 h 4736492"/>
              <a:gd name="connsiteX13" fmla="*/ 2841997 w 4736490"/>
              <a:gd name="connsiteY13" fmla="*/ 4736492 h 4736492"/>
              <a:gd name="connsiteX14" fmla="*/ 1894750 w 4736490"/>
              <a:gd name="connsiteY14" fmla="*/ 4736492 h 4736492"/>
              <a:gd name="connsiteX15" fmla="*/ 1579044 w 4736490"/>
              <a:gd name="connsiteY15" fmla="*/ 4420786 h 4736492"/>
              <a:gd name="connsiteX16" fmla="*/ 1579044 w 4736490"/>
              <a:gd name="connsiteY16" fmla="*/ 3394484 h 4736492"/>
              <a:gd name="connsiteX17" fmla="*/ 1342265 w 4736490"/>
              <a:gd name="connsiteY17" fmla="*/ 3157704 h 4736492"/>
              <a:gd name="connsiteX18" fmla="*/ 315705 w 4736490"/>
              <a:gd name="connsiteY18" fmla="*/ 3157704 h 4736492"/>
              <a:gd name="connsiteX19" fmla="*/ 0 w 4736490"/>
              <a:gd name="connsiteY19" fmla="*/ 2841998 h 4736492"/>
              <a:gd name="connsiteX20" fmla="*/ 0 w 4736490"/>
              <a:gd name="connsiteY20" fmla="*/ 1894752 h 4736492"/>
              <a:gd name="connsiteX21" fmla="*/ 315705 w 4736490"/>
              <a:gd name="connsiteY21" fmla="*/ 1579046 h 4736492"/>
              <a:gd name="connsiteX22" fmla="*/ 596849 w 4736490"/>
              <a:gd name="connsiteY22" fmla="*/ 1575048 h 4736492"/>
              <a:gd name="connsiteX23" fmla="*/ 626897 w 4736490"/>
              <a:gd name="connsiteY23" fmla="*/ 1147658 h 4736492"/>
              <a:gd name="connsiteX24" fmla="*/ 739355 w 4736490"/>
              <a:gd name="connsiteY24" fmla="*/ 847686 h 4736492"/>
              <a:gd name="connsiteX25" fmla="*/ 1016758 w 4736490"/>
              <a:gd name="connsiteY25" fmla="*/ 435257 h 4736492"/>
              <a:gd name="connsiteX26" fmla="*/ 1353743 w 4736490"/>
              <a:gd name="connsiteY26" fmla="*/ 200025 h 4736492"/>
              <a:gd name="connsiteX27" fmla="*/ 1653973 w 4736490"/>
              <a:gd name="connsiteY27" fmla="*/ 106525 h 4736492"/>
              <a:gd name="connsiteX28" fmla="*/ 1660808 w 4736490"/>
              <a:gd name="connsiteY28" fmla="*/ 103430 h 4736492"/>
              <a:gd name="connsiteX29" fmla="*/ 1694210 w 4736490"/>
              <a:gd name="connsiteY29" fmla="*/ 71576 h 4736492"/>
              <a:gd name="connsiteX30" fmla="*/ 1770686 w 4736490"/>
              <a:gd name="connsiteY30" fmla="*/ 25149 h 4736492"/>
              <a:gd name="connsiteX31" fmla="*/ 1820595 w 4736490"/>
              <a:gd name="connsiteY31" fmla="*/ 8770 h 4736492"/>
              <a:gd name="connsiteX32" fmla="*/ 1852192 w 4736490"/>
              <a:gd name="connsiteY32" fmla="*/ 903 h 4736492"/>
              <a:gd name="connsiteX33" fmla="*/ 1871279 w 4736490"/>
              <a:gd name="connsiteY33" fmla="*/ 903 h 4736492"/>
              <a:gd name="connsiteX34" fmla="*/ 1894492 w 4736490"/>
              <a:gd name="connsiteY34" fmla="*/ 0 h 4736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4736490" h="4736492">
                <a:moveTo>
                  <a:pt x="1894492" y="0"/>
                </a:moveTo>
                <a:lnTo>
                  <a:pt x="2841739" y="0"/>
                </a:lnTo>
                <a:cubicBezTo>
                  <a:pt x="3016099" y="0"/>
                  <a:pt x="3157445" y="141346"/>
                  <a:pt x="3157445" y="315706"/>
                </a:cubicBezTo>
                <a:lnTo>
                  <a:pt x="3157445" y="1342008"/>
                </a:lnTo>
                <a:cubicBezTo>
                  <a:pt x="3157445" y="1472779"/>
                  <a:pt x="3263454" y="1578788"/>
                  <a:pt x="3394224" y="1578788"/>
                </a:cubicBezTo>
                <a:lnTo>
                  <a:pt x="4420526" y="1578788"/>
                </a:lnTo>
                <a:cubicBezTo>
                  <a:pt x="4594886" y="1578788"/>
                  <a:pt x="4736232" y="1720133"/>
                  <a:pt x="4736232" y="1894494"/>
                </a:cubicBezTo>
                <a:lnTo>
                  <a:pt x="4736232" y="2841740"/>
                </a:lnTo>
                <a:lnTo>
                  <a:pt x="4736490" y="2841998"/>
                </a:lnTo>
                <a:cubicBezTo>
                  <a:pt x="4736490" y="3016359"/>
                  <a:pt x="4595144" y="3157704"/>
                  <a:pt x="4420784" y="3157704"/>
                </a:cubicBezTo>
                <a:lnTo>
                  <a:pt x="3394482" y="3157704"/>
                </a:lnTo>
                <a:cubicBezTo>
                  <a:pt x="3263712" y="3157704"/>
                  <a:pt x="3157703" y="3263713"/>
                  <a:pt x="3157703" y="3394484"/>
                </a:cubicBezTo>
                <a:lnTo>
                  <a:pt x="3157703" y="4420786"/>
                </a:lnTo>
                <a:cubicBezTo>
                  <a:pt x="3157703" y="4595146"/>
                  <a:pt x="3016357" y="4736492"/>
                  <a:pt x="2841997" y="4736492"/>
                </a:cubicBezTo>
                <a:lnTo>
                  <a:pt x="1894750" y="4736492"/>
                </a:lnTo>
                <a:cubicBezTo>
                  <a:pt x="1720390" y="4736492"/>
                  <a:pt x="1579044" y="4595146"/>
                  <a:pt x="1579044" y="4420786"/>
                </a:cubicBezTo>
                <a:lnTo>
                  <a:pt x="1579044" y="3394484"/>
                </a:lnTo>
                <a:cubicBezTo>
                  <a:pt x="1579044" y="3263713"/>
                  <a:pt x="1473035" y="3157704"/>
                  <a:pt x="1342265" y="3157704"/>
                </a:cubicBezTo>
                <a:lnTo>
                  <a:pt x="315705" y="3157704"/>
                </a:lnTo>
                <a:cubicBezTo>
                  <a:pt x="141345" y="3157704"/>
                  <a:pt x="0" y="3016359"/>
                  <a:pt x="0" y="2841998"/>
                </a:cubicBezTo>
                <a:lnTo>
                  <a:pt x="0" y="1894752"/>
                </a:lnTo>
                <a:cubicBezTo>
                  <a:pt x="0" y="1720391"/>
                  <a:pt x="141345" y="1579046"/>
                  <a:pt x="315705" y="1579046"/>
                </a:cubicBezTo>
                <a:lnTo>
                  <a:pt x="596849" y="1575048"/>
                </a:lnTo>
                <a:lnTo>
                  <a:pt x="626897" y="1147658"/>
                </a:lnTo>
                <a:lnTo>
                  <a:pt x="739355" y="847686"/>
                </a:lnTo>
                <a:cubicBezTo>
                  <a:pt x="851812" y="667780"/>
                  <a:pt x="911781" y="555323"/>
                  <a:pt x="1016758" y="435257"/>
                </a:cubicBezTo>
                <a:lnTo>
                  <a:pt x="1353743" y="200025"/>
                </a:lnTo>
                <a:cubicBezTo>
                  <a:pt x="1561247" y="113232"/>
                  <a:pt x="1576594" y="131158"/>
                  <a:pt x="1653973" y="106525"/>
                </a:cubicBezTo>
                <a:cubicBezTo>
                  <a:pt x="1656423" y="105752"/>
                  <a:pt x="1658616" y="104720"/>
                  <a:pt x="1660808" y="103430"/>
                </a:cubicBezTo>
                <a:cubicBezTo>
                  <a:pt x="1671125" y="92081"/>
                  <a:pt x="1682345" y="81377"/>
                  <a:pt x="1694210" y="71576"/>
                </a:cubicBezTo>
                <a:cubicBezTo>
                  <a:pt x="1709170" y="57390"/>
                  <a:pt x="1731094" y="40882"/>
                  <a:pt x="1770686" y="25149"/>
                </a:cubicBezTo>
                <a:cubicBezTo>
                  <a:pt x="1786678" y="18313"/>
                  <a:pt x="1803314" y="12897"/>
                  <a:pt x="1820595" y="8770"/>
                </a:cubicBezTo>
                <a:cubicBezTo>
                  <a:pt x="1830397" y="6062"/>
                  <a:pt x="1840843" y="3483"/>
                  <a:pt x="1852192" y="903"/>
                </a:cubicBezTo>
                <a:lnTo>
                  <a:pt x="1871279" y="903"/>
                </a:lnTo>
                <a:cubicBezTo>
                  <a:pt x="1879017" y="387"/>
                  <a:pt x="1886754" y="0"/>
                  <a:pt x="1894492" y="0"/>
                </a:cubicBezTo>
                <a:close/>
              </a:path>
            </a:pathLst>
          </a:custGeom>
        </p:spPr>
      </p:pic>
      <p:sp>
        <p:nvSpPr>
          <p:cNvPr id="7" name="Text Placeholder 2"/>
          <p:cNvSpPr>
            <a:spLocks noGrp="1"/>
          </p:cNvSpPr>
          <p:nvPr userDrawn="1">
            <p:ph type="body" sz="quarter" idx="13" hasCustomPrompt="1"/>
          </p:nvPr>
        </p:nvSpPr>
        <p:spPr>
          <a:xfrm>
            <a:off x="358776" y="1327355"/>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2" name="Legal dynamic" descr="{&quot;templafy&quot;:{&quot;id&quot;:&quot;ddef8c5e-1713-4ba9-a11c-e3525222a5ae&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6" name="Internal Stamp dynamic" descr="{&quot;templafy&quot;:{&quot;id&quot;:&quot;fc8dc190-e3c5-4543-854e-eb1bc651e1e2&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1801450218" name="Dynamic logo dark mint" descr="{&quot;templafy&quot;:{&quot;id&quot;:&quot;59e5b607-0c06-43c0-aede-b8bf9dc8628c&quot;}}"/>
          <p:cNvPicPr>
            <a:picLocks noChangeAspect="1"/>
          </p:cNvPicPr>
          <p:nvPr/>
        </p:nvPicPr>
        <p:blipFill>
          <a:blip r:embed="rId3"/>
          <a:stretch>
            <a:fillRect/>
          </a:stretch>
        </p:blipFill>
        <p:spPr>
          <a:xfrm>
            <a:off x="346677" y="5882400"/>
            <a:ext cx="2145600" cy="756000"/>
          </a:xfrm>
          <a:prstGeom prst="rect">
            <a:avLst/>
          </a:prstGeom>
        </p:spPr>
      </p:pic>
      <p:sp>
        <p:nvSpPr>
          <p:cNvPr id="15" name="Slide Number Placeholder 14"/>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4"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J. Quote">
    <p:bg>
      <p:bgPr>
        <a:solidFill>
          <a:srgbClr val="008F83"/>
        </a:solidFill>
        <a:effectLst/>
      </p:bgPr>
    </p:bg>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99" name="Group 98"/>
          <p:cNvGrpSpPr>
            <a:grpSpLocks noGrp="1" noRot="1" noMove="1" noResize="1" noUngrp="1"/>
          </p:cNvGrpSpPr>
          <p:nvPr userDrawn="1"/>
        </p:nvGrpSpPr>
        <p:grpSpPr>
          <a:xfrm>
            <a:off x="3538575" y="4314726"/>
            <a:ext cx="8681999" cy="2543274"/>
            <a:chOff x="3538575" y="4314726"/>
            <a:chExt cx="8681999" cy="2543274"/>
          </a:xfrm>
        </p:grpSpPr>
        <p:sp>
          <p:nvSpPr>
            <p:cNvPr id="100" name="Freeform: Shape 99"/>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01" name="Freeform 17"/>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102" name="Group 101"/>
            <p:cNvGrpSpPr>
              <a:grpSpLocks noGrp="1" noRot="1" noMove="1" noResize="1" noUngrp="1"/>
            </p:cNvGrpSpPr>
            <p:nvPr userDrawn="1"/>
          </p:nvGrpSpPr>
          <p:grpSpPr>
            <a:xfrm>
              <a:off x="3731134" y="4555175"/>
              <a:ext cx="4366883" cy="2228438"/>
              <a:chOff x="3644852" y="4555175"/>
              <a:chExt cx="4366883" cy="2228438"/>
            </a:xfrm>
            <a:solidFill>
              <a:srgbClr val="008F83"/>
            </a:solidFill>
          </p:grpSpPr>
          <p:grpSp>
            <p:nvGrpSpPr>
              <p:cNvPr id="103" name="Group 102"/>
              <p:cNvGrpSpPr>
                <a:grpSpLocks noGrp="1" noRot="1" noMove="1" noResize="1" noUngrp="1"/>
              </p:cNvGrpSpPr>
              <p:nvPr userDrawn="1"/>
            </p:nvGrpSpPr>
            <p:grpSpPr>
              <a:xfrm>
                <a:off x="5248227" y="4555175"/>
                <a:ext cx="1160133" cy="621888"/>
                <a:chOff x="5248227" y="4555175"/>
                <a:chExt cx="1160133" cy="621888"/>
              </a:xfrm>
              <a:grpFill/>
            </p:grpSpPr>
            <p:grpSp>
              <p:nvGrpSpPr>
                <p:cNvPr id="132" name="Group 131"/>
                <p:cNvGrpSpPr>
                  <a:grpSpLocks noGrp="1" noRot="1" noMove="1" noResize="1" noUngrp="1"/>
                </p:cNvGrpSpPr>
                <p:nvPr userDrawn="1"/>
              </p:nvGrpSpPr>
              <p:grpSpPr>
                <a:xfrm>
                  <a:off x="5248227" y="4555175"/>
                  <a:ext cx="1160133" cy="88488"/>
                  <a:chOff x="5248227" y="4555175"/>
                  <a:chExt cx="1160133" cy="88488"/>
                </a:xfrm>
                <a:grpFill/>
              </p:grpSpPr>
              <p:sp>
                <p:nvSpPr>
                  <p:cNvPr id="137"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38"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39"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33" name="Group 132"/>
                <p:cNvGrpSpPr>
                  <a:grpSpLocks noGrp="1" noRot="1" noMove="1" noResize="1" noUngrp="1"/>
                </p:cNvGrpSpPr>
                <p:nvPr userDrawn="1"/>
              </p:nvGrpSpPr>
              <p:grpSpPr>
                <a:xfrm>
                  <a:off x="5248227" y="5088575"/>
                  <a:ext cx="1160133" cy="88488"/>
                  <a:chOff x="5248227" y="4555175"/>
                  <a:chExt cx="1160133" cy="88488"/>
                </a:xfrm>
                <a:grpFill/>
              </p:grpSpPr>
              <p:sp>
                <p:nvSpPr>
                  <p:cNvPr id="134"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35"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36"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nvGrpSpPr>
              <p:cNvPr id="104" name="Group 103"/>
              <p:cNvGrpSpPr>
                <a:grpSpLocks noGrp="1" noRot="1" noMove="1" noResize="1" noUngrp="1"/>
              </p:cNvGrpSpPr>
              <p:nvPr userDrawn="1"/>
            </p:nvGrpSpPr>
            <p:grpSpPr>
              <a:xfrm>
                <a:off x="5248227" y="5625150"/>
                <a:ext cx="1160133" cy="88488"/>
                <a:chOff x="5248227" y="4555175"/>
                <a:chExt cx="1160133" cy="88488"/>
              </a:xfrm>
              <a:grpFill/>
            </p:grpSpPr>
            <p:sp>
              <p:nvSpPr>
                <p:cNvPr id="129"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30"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31"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05" name="Group 104"/>
              <p:cNvGrpSpPr>
                <a:grpSpLocks noGrp="1" noRot="1" noMove="1" noResize="1" noUngrp="1"/>
              </p:cNvGrpSpPr>
              <p:nvPr userDrawn="1"/>
            </p:nvGrpSpPr>
            <p:grpSpPr>
              <a:xfrm>
                <a:off x="5248227" y="6158550"/>
                <a:ext cx="1160133" cy="88488"/>
                <a:chOff x="5248227" y="4555175"/>
                <a:chExt cx="1160133" cy="88488"/>
              </a:xfrm>
              <a:grpFill/>
            </p:grpSpPr>
            <p:sp>
              <p:nvSpPr>
                <p:cNvPr id="126"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7"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8"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06" name="Group 105"/>
              <p:cNvGrpSpPr>
                <a:grpSpLocks noGrp="1" noRot="1" noMove="1" noResize="1" noUngrp="1"/>
              </p:cNvGrpSpPr>
              <p:nvPr userDrawn="1"/>
            </p:nvGrpSpPr>
            <p:grpSpPr>
              <a:xfrm>
                <a:off x="3644852" y="6158550"/>
                <a:ext cx="1160133" cy="88488"/>
                <a:chOff x="5248227" y="4555175"/>
                <a:chExt cx="1160133" cy="88488"/>
              </a:xfrm>
              <a:grpFill/>
            </p:grpSpPr>
            <p:sp>
              <p:nvSpPr>
                <p:cNvPr id="123"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4"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5"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07" name="Group 106"/>
              <p:cNvGrpSpPr>
                <a:grpSpLocks noGrp="1" noRot="1" noMove="1" noResize="1" noUngrp="1"/>
              </p:cNvGrpSpPr>
              <p:nvPr userDrawn="1"/>
            </p:nvGrpSpPr>
            <p:grpSpPr>
              <a:xfrm>
                <a:off x="6851602" y="6158550"/>
                <a:ext cx="1160133" cy="88488"/>
                <a:chOff x="5248227" y="4555175"/>
                <a:chExt cx="1160133" cy="88488"/>
              </a:xfrm>
              <a:grpFill/>
            </p:grpSpPr>
            <p:sp>
              <p:nvSpPr>
                <p:cNvPr id="120"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1"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22"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08" name="Group 107"/>
              <p:cNvGrpSpPr>
                <a:grpSpLocks noGrp="1" noRot="1" noMove="1" noResize="1" noUngrp="1"/>
              </p:cNvGrpSpPr>
              <p:nvPr userDrawn="1"/>
            </p:nvGrpSpPr>
            <p:grpSpPr>
              <a:xfrm>
                <a:off x="5248227" y="6695125"/>
                <a:ext cx="1160133" cy="88488"/>
                <a:chOff x="5248227" y="4555175"/>
                <a:chExt cx="1160133" cy="88488"/>
              </a:xfrm>
              <a:grpFill/>
            </p:grpSpPr>
            <p:sp>
              <p:nvSpPr>
                <p:cNvPr id="117"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18"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19"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09" name="Group 108"/>
              <p:cNvGrpSpPr>
                <a:grpSpLocks noGrp="1" noRot="1" noMove="1" noResize="1" noUngrp="1"/>
              </p:cNvGrpSpPr>
              <p:nvPr userDrawn="1"/>
            </p:nvGrpSpPr>
            <p:grpSpPr>
              <a:xfrm>
                <a:off x="3644852" y="6695125"/>
                <a:ext cx="1160133" cy="88488"/>
                <a:chOff x="5248227" y="4555175"/>
                <a:chExt cx="1160133" cy="88488"/>
              </a:xfrm>
              <a:grpFill/>
            </p:grpSpPr>
            <p:sp>
              <p:nvSpPr>
                <p:cNvPr id="114"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15"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16"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110" name="Group 109"/>
              <p:cNvGrpSpPr>
                <a:grpSpLocks noGrp="1" noRot="1" noMove="1" noResize="1" noUngrp="1"/>
              </p:cNvGrpSpPr>
              <p:nvPr userDrawn="1"/>
            </p:nvGrpSpPr>
            <p:grpSpPr>
              <a:xfrm>
                <a:off x="6851602" y="6695125"/>
                <a:ext cx="1160133" cy="88488"/>
                <a:chOff x="5248227" y="4555175"/>
                <a:chExt cx="1160133" cy="88488"/>
              </a:xfrm>
              <a:grpFill/>
            </p:grpSpPr>
            <p:sp>
              <p:nvSpPr>
                <p:cNvPr id="111"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12"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113"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pic>
        <p:nvPicPr>
          <p:cNvPr id="6" name="Picture 5"/>
          <p:cNvPicPr>
            <a:picLocks noGrp="1" noRot="1" noChangeAspect="1" noMove="1" noResize="1" noEditPoints="1" noAdjustHandles="1" noChangeArrowheads="1" noChangeShapeType="1" noCrop="1"/>
          </p:cNvPicPr>
          <p:nvPr userDrawn="1"/>
        </p:nvPicPr>
        <p:blipFill>
          <a:blip r:embed="rId2" cstate="screen"/>
          <a:srcRect/>
          <a:stretch>
            <a:fillRect/>
          </a:stretch>
        </p:blipFill>
        <p:spPr>
          <a:xfrm>
            <a:off x="6363805" y="410755"/>
            <a:ext cx="4680000" cy="4680000"/>
          </a:xfrm>
          <a:prstGeom prst="rect">
            <a:avLst/>
          </a:prstGeom>
        </p:spPr>
      </p:pic>
      <p:sp>
        <p:nvSpPr>
          <p:cNvPr id="12" name="Text Placeholder 2"/>
          <p:cNvSpPr>
            <a:spLocks noGrp="1"/>
          </p:cNvSpPr>
          <p:nvPr>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4" name="Legal dynamic" descr="{&quot;templafy&quot;:{&quot;id&quot;:&quot;6c7d09ab-cbbd-42ab-9f6d-83043dabcd88&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5" name="Internal Stamp dynamic" descr="{&quot;templafy&quot;:{&quot;id&quot;:&quot;651e2a5c-0a65-427d-be9e-28c7b402bf4e&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6020202030204" pitchFamily="34" charset="0"/>
              <a:ea typeface="+mn-ea"/>
              <a:cs typeface="+mn-cs"/>
            </a:endParaRPr>
          </a:p>
        </p:txBody>
      </p:sp>
      <p:pic>
        <p:nvPicPr>
          <p:cNvPr id="320755877" name="Dynamic logo hypermint" descr="{&quot;templafy&quot;:{&quot;id&quot;:&quot;5fc2c8f4-b335-4ccb-9652-0b0695d6a15d&quot;}}"/>
          <p:cNvPicPr>
            <a:picLocks noChangeAspect="1"/>
          </p:cNvPicPr>
          <p:nvPr/>
        </p:nvPicPr>
        <p:blipFill>
          <a:blip r:embed="rId3"/>
          <a:stretch>
            <a:fillRect/>
          </a:stretch>
        </p:blipFill>
        <p:spPr>
          <a:xfrm>
            <a:off x="346677" y="5882400"/>
            <a:ext cx="2145600" cy="756000"/>
          </a:xfrm>
          <a:prstGeom prst="rect">
            <a:avLst/>
          </a:prstGeom>
        </p:spPr>
      </p:pic>
      <p:sp>
        <p:nvSpPr>
          <p:cNvPr id="15" name="Slide Number Placeholder 14"/>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7"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K. Quote">
    <p:bg>
      <p:bgPr>
        <a:solidFill>
          <a:srgbClr val="035C67"/>
        </a:solidFill>
        <a:effectLst/>
      </p:bgPr>
    </p:bg>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225" name="Group 224"/>
          <p:cNvGrpSpPr>
            <a:grpSpLocks noGrp="1" noRot="1" noMove="1" noResize="1" noUngrp="1"/>
          </p:cNvGrpSpPr>
          <p:nvPr userDrawn="1"/>
        </p:nvGrpSpPr>
        <p:grpSpPr>
          <a:xfrm>
            <a:off x="3538575" y="4314726"/>
            <a:ext cx="8681999" cy="2543274"/>
            <a:chOff x="3538575" y="4314726"/>
            <a:chExt cx="8681999" cy="2543274"/>
          </a:xfrm>
        </p:grpSpPr>
        <p:sp>
          <p:nvSpPr>
            <p:cNvPr id="226" name="Freeform: Shape 225"/>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27" name="Freeform 17"/>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228" name="Group 227"/>
            <p:cNvGrpSpPr>
              <a:grpSpLocks noGrp="1" noRot="1" noMove="1" noResize="1" noUngrp="1"/>
            </p:cNvGrpSpPr>
            <p:nvPr userDrawn="1"/>
          </p:nvGrpSpPr>
          <p:grpSpPr>
            <a:xfrm>
              <a:off x="3731134" y="4555175"/>
              <a:ext cx="4366883" cy="2228438"/>
              <a:chOff x="3644852" y="4555175"/>
              <a:chExt cx="4366883" cy="2228438"/>
            </a:xfrm>
            <a:solidFill>
              <a:schemeClr val="accent1"/>
            </a:solidFill>
          </p:grpSpPr>
          <p:grpSp>
            <p:nvGrpSpPr>
              <p:cNvPr id="229" name="Group 228"/>
              <p:cNvGrpSpPr>
                <a:grpSpLocks noGrp="1" noRot="1" noMove="1" noResize="1" noUngrp="1"/>
              </p:cNvGrpSpPr>
              <p:nvPr userDrawn="1"/>
            </p:nvGrpSpPr>
            <p:grpSpPr>
              <a:xfrm>
                <a:off x="5248227" y="4555175"/>
                <a:ext cx="1160133" cy="621888"/>
                <a:chOff x="5248227" y="4555175"/>
                <a:chExt cx="1160133" cy="621888"/>
              </a:xfrm>
              <a:grpFill/>
            </p:grpSpPr>
            <p:grpSp>
              <p:nvGrpSpPr>
                <p:cNvPr id="258" name="Group 257"/>
                <p:cNvGrpSpPr>
                  <a:grpSpLocks noGrp="1" noRot="1" noMove="1" noResize="1" noUngrp="1"/>
                </p:cNvGrpSpPr>
                <p:nvPr userDrawn="1"/>
              </p:nvGrpSpPr>
              <p:grpSpPr>
                <a:xfrm>
                  <a:off x="5248227" y="4555175"/>
                  <a:ext cx="1160133" cy="88488"/>
                  <a:chOff x="5248227" y="4555175"/>
                  <a:chExt cx="1160133" cy="88488"/>
                </a:xfrm>
                <a:grpFill/>
              </p:grpSpPr>
              <p:sp>
                <p:nvSpPr>
                  <p:cNvPr id="263"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64"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65"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59" name="Group 258"/>
                <p:cNvGrpSpPr>
                  <a:grpSpLocks noGrp="1" noRot="1" noMove="1" noResize="1" noUngrp="1"/>
                </p:cNvGrpSpPr>
                <p:nvPr userDrawn="1"/>
              </p:nvGrpSpPr>
              <p:grpSpPr>
                <a:xfrm>
                  <a:off x="5248227" y="5088575"/>
                  <a:ext cx="1160133" cy="88488"/>
                  <a:chOff x="5248227" y="4555175"/>
                  <a:chExt cx="1160133" cy="88488"/>
                </a:xfrm>
                <a:grpFill/>
              </p:grpSpPr>
              <p:sp>
                <p:nvSpPr>
                  <p:cNvPr id="260"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61"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62"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nvGrpSpPr>
              <p:cNvPr id="230" name="Group 229"/>
              <p:cNvGrpSpPr>
                <a:grpSpLocks noGrp="1" noRot="1" noMove="1" noResize="1" noUngrp="1"/>
              </p:cNvGrpSpPr>
              <p:nvPr userDrawn="1"/>
            </p:nvGrpSpPr>
            <p:grpSpPr>
              <a:xfrm>
                <a:off x="5248227" y="5625150"/>
                <a:ext cx="1160133" cy="88488"/>
                <a:chOff x="5248227" y="4555175"/>
                <a:chExt cx="1160133" cy="88488"/>
              </a:xfrm>
              <a:grpFill/>
            </p:grpSpPr>
            <p:sp>
              <p:nvSpPr>
                <p:cNvPr id="255"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56"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57"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31" name="Group 230"/>
              <p:cNvGrpSpPr>
                <a:grpSpLocks noGrp="1" noRot="1" noMove="1" noResize="1" noUngrp="1"/>
              </p:cNvGrpSpPr>
              <p:nvPr userDrawn="1"/>
            </p:nvGrpSpPr>
            <p:grpSpPr>
              <a:xfrm>
                <a:off x="5248227" y="6158550"/>
                <a:ext cx="1160133" cy="88488"/>
                <a:chOff x="5248227" y="4555175"/>
                <a:chExt cx="1160133" cy="88488"/>
              </a:xfrm>
              <a:grpFill/>
            </p:grpSpPr>
            <p:sp>
              <p:nvSpPr>
                <p:cNvPr id="252"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53"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54"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32" name="Group 231"/>
              <p:cNvGrpSpPr>
                <a:grpSpLocks noGrp="1" noRot="1" noMove="1" noResize="1" noUngrp="1"/>
              </p:cNvGrpSpPr>
              <p:nvPr userDrawn="1"/>
            </p:nvGrpSpPr>
            <p:grpSpPr>
              <a:xfrm>
                <a:off x="3644852" y="6158550"/>
                <a:ext cx="1160133" cy="88488"/>
                <a:chOff x="5248227" y="4555175"/>
                <a:chExt cx="1160133" cy="88488"/>
              </a:xfrm>
              <a:grpFill/>
            </p:grpSpPr>
            <p:sp>
              <p:nvSpPr>
                <p:cNvPr id="249"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50"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51"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33" name="Group 232"/>
              <p:cNvGrpSpPr>
                <a:grpSpLocks noGrp="1" noRot="1" noMove="1" noResize="1" noUngrp="1"/>
              </p:cNvGrpSpPr>
              <p:nvPr userDrawn="1"/>
            </p:nvGrpSpPr>
            <p:grpSpPr>
              <a:xfrm>
                <a:off x="6851602" y="6158550"/>
                <a:ext cx="1160133" cy="88488"/>
                <a:chOff x="5248227" y="4555175"/>
                <a:chExt cx="1160133" cy="88488"/>
              </a:xfrm>
              <a:grpFill/>
            </p:grpSpPr>
            <p:sp>
              <p:nvSpPr>
                <p:cNvPr id="246"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47"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48"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34" name="Group 233"/>
              <p:cNvGrpSpPr>
                <a:grpSpLocks noGrp="1" noRot="1" noMove="1" noResize="1" noUngrp="1"/>
              </p:cNvGrpSpPr>
              <p:nvPr userDrawn="1"/>
            </p:nvGrpSpPr>
            <p:grpSpPr>
              <a:xfrm>
                <a:off x="5248227" y="6695125"/>
                <a:ext cx="1160133" cy="88488"/>
                <a:chOff x="5248227" y="4555175"/>
                <a:chExt cx="1160133" cy="88488"/>
              </a:xfrm>
              <a:grpFill/>
            </p:grpSpPr>
            <p:sp>
              <p:nvSpPr>
                <p:cNvPr id="243"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44"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45"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35" name="Group 234"/>
              <p:cNvGrpSpPr>
                <a:grpSpLocks noGrp="1" noRot="1" noMove="1" noResize="1" noUngrp="1"/>
              </p:cNvGrpSpPr>
              <p:nvPr userDrawn="1"/>
            </p:nvGrpSpPr>
            <p:grpSpPr>
              <a:xfrm>
                <a:off x="3644852" y="6695125"/>
                <a:ext cx="1160133" cy="88488"/>
                <a:chOff x="5248227" y="4555175"/>
                <a:chExt cx="1160133" cy="88488"/>
              </a:xfrm>
              <a:grpFill/>
            </p:grpSpPr>
            <p:sp>
              <p:nvSpPr>
                <p:cNvPr id="240"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41"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42"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36" name="Group 235"/>
              <p:cNvGrpSpPr>
                <a:grpSpLocks noGrp="1" noRot="1" noMove="1" noResize="1" noUngrp="1"/>
              </p:cNvGrpSpPr>
              <p:nvPr userDrawn="1"/>
            </p:nvGrpSpPr>
            <p:grpSpPr>
              <a:xfrm>
                <a:off x="6851602" y="6695125"/>
                <a:ext cx="1160133" cy="88488"/>
                <a:chOff x="5248227" y="4555175"/>
                <a:chExt cx="1160133" cy="88488"/>
              </a:xfrm>
              <a:grpFill/>
            </p:grpSpPr>
            <p:sp>
              <p:nvSpPr>
                <p:cNvPr id="237"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38"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39"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pic>
        <p:nvPicPr>
          <p:cNvPr id="61" name="Picture 60"/>
          <p:cNvPicPr>
            <a:picLocks noGrp="1" noRot="1" noChangeAspect="1" noMove="1" noResize="1" noEditPoints="1" noAdjustHandles="1" noChangeArrowheads="1" noChangeShapeType="1" noCrop="1"/>
          </p:cNvPicPr>
          <p:nvPr userDrawn="1"/>
        </p:nvPicPr>
        <p:blipFill>
          <a:blip r:embed="rId2" cstate="screen"/>
          <a:srcRect/>
          <a:stretch>
            <a:fillRect/>
          </a:stretch>
        </p:blipFill>
        <p:spPr>
          <a:xfrm>
            <a:off x="6319516" y="-231535"/>
            <a:ext cx="4709702" cy="5335007"/>
          </a:xfrm>
          <a:prstGeom prst="rect">
            <a:avLst/>
          </a:prstGeom>
        </p:spPr>
      </p:pic>
      <p:sp>
        <p:nvSpPr>
          <p:cNvPr id="12" name="Text Placeholder 2"/>
          <p:cNvSpPr>
            <a:spLocks noGrp="1"/>
          </p:cNvSpPr>
          <p:nvPr>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4" name="Legal dynamic" descr="{&quot;templafy&quot;:{&quot;id&quot;:&quot;27a7b6e3-057e-4dd7-8045-f0a64987429d&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5" name="Internal Stamp dynamic" descr="{&quot;templafy&quot;:{&quot;id&quot;:&quot;73176e25-ad40-45d9-96cd-5f805c3ce43a&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6020202030204" pitchFamily="34" charset="0"/>
              <a:ea typeface="+mn-ea"/>
              <a:cs typeface="+mn-cs"/>
            </a:endParaRPr>
          </a:p>
        </p:txBody>
      </p:sp>
      <p:pic>
        <p:nvPicPr>
          <p:cNvPr id="66238876" name="Dynamic logo hypermint" descr="{&quot;templafy&quot;:{&quot;id&quot;:&quot;c9237046-0d00-40e7-91ca-e0a373f29896&quot;}}"/>
          <p:cNvPicPr>
            <a:picLocks noChangeAspect="1"/>
          </p:cNvPicPr>
          <p:nvPr/>
        </p:nvPicPr>
        <p:blipFill>
          <a:blip r:embed="rId3"/>
          <a:stretch>
            <a:fillRect/>
          </a:stretch>
        </p:blipFill>
        <p:spPr>
          <a:xfrm>
            <a:off x="346677" y="5882400"/>
            <a:ext cx="2145600" cy="756000"/>
          </a:xfrm>
          <a:prstGeom prst="rect">
            <a:avLst/>
          </a:prstGeom>
        </p:spPr>
      </p:pic>
      <p:sp>
        <p:nvSpPr>
          <p:cNvPr id="15" name="Slide Number Placeholder 14"/>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6"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A. Quote and Image">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97" name="Group 96"/>
          <p:cNvGrpSpPr>
            <a:grpSpLocks noGrp="1" noRot="1" noMove="1" noResize="1" noUngrp="1"/>
          </p:cNvGrpSpPr>
          <p:nvPr userDrawn="1"/>
        </p:nvGrpSpPr>
        <p:grpSpPr>
          <a:xfrm>
            <a:off x="3538575" y="4314726"/>
            <a:ext cx="8681999" cy="2543274"/>
            <a:chOff x="3538575" y="4314726"/>
            <a:chExt cx="8681999" cy="2543274"/>
          </a:xfrm>
        </p:grpSpPr>
        <p:sp>
          <p:nvSpPr>
            <p:cNvPr id="57" name="Freeform: Shape 56"/>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58" name="Freeform 17"/>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90B9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59" name="Group 58"/>
            <p:cNvGrpSpPr>
              <a:grpSpLocks noGrp="1" noRot="1" noMove="1" noResize="1" noUngrp="1"/>
            </p:cNvGrpSpPr>
            <p:nvPr userDrawn="1"/>
          </p:nvGrpSpPr>
          <p:grpSpPr>
            <a:xfrm>
              <a:off x="3731134" y="4555175"/>
              <a:ext cx="4366883" cy="2228438"/>
              <a:chOff x="3644852" y="4555175"/>
              <a:chExt cx="4366883" cy="2228438"/>
            </a:xfrm>
            <a:solidFill>
              <a:srgbClr val="035C67"/>
            </a:solidFill>
          </p:grpSpPr>
          <p:grpSp>
            <p:nvGrpSpPr>
              <p:cNvPr id="60" name="Group 59"/>
              <p:cNvGrpSpPr>
                <a:grpSpLocks noGrp="1" noRot="1" noMove="1" noResize="1" noUngrp="1"/>
              </p:cNvGrpSpPr>
              <p:nvPr userDrawn="1"/>
            </p:nvGrpSpPr>
            <p:grpSpPr>
              <a:xfrm>
                <a:off x="5248227" y="4555175"/>
                <a:ext cx="1160133" cy="621888"/>
                <a:chOff x="5248227" y="4555175"/>
                <a:chExt cx="1160133" cy="621888"/>
              </a:xfrm>
              <a:grpFill/>
            </p:grpSpPr>
            <p:grpSp>
              <p:nvGrpSpPr>
                <p:cNvPr id="89" name="Group 88"/>
                <p:cNvGrpSpPr>
                  <a:grpSpLocks noGrp="1" noRot="1" noMove="1" noResize="1" noUngrp="1"/>
                </p:cNvGrpSpPr>
                <p:nvPr userDrawn="1"/>
              </p:nvGrpSpPr>
              <p:grpSpPr>
                <a:xfrm>
                  <a:off x="5248227" y="4555175"/>
                  <a:ext cx="1160133" cy="88488"/>
                  <a:chOff x="5248227" y="4555175"/>
                  <a:chExt cx="1160133" cy="88488"/>
                </a:xfrm>
                <a:grpFill/>
              </p:grpSpPr>
              <p:sp>
                <p:nvSpPr>
                  <p:cNvPr id="94"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95"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96"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90" name="Group 89"/>
                <p:cNvGrpSpPr>
                  <a:grpSpLocks noGrp="1" noRot="1" noMove="1" noResize="1" noUngrp="1"/>
                </p:cNvGrpSpPr>
                <p:nvPr userDrawn="1"/>
              </p:nvGrpSpPr>
              <p:grpSpPr>
                <a:xfrm>
                  <a:off x="5248227" y="5088575"/>
                  <a:ext cx="1160133" cy="88488"/>
                  <a:chOff x="5248227" y="4555175"/>
                  <a:chExt cx="1160133" cy="88488"/>
                </a:xfrm>
                <a:grpFill/>
              </p:grpSpPr>
              <p:sp>
                <p:nvSpPr>
                  <p:cNvPr id="91"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92"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93"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nvGrpSpPr>
              <p:cNvPr id="61" name="Group 60"/>
              <p:cNvGrpSpPr>
                <a:grpSpLocks noGrp="1" noRot="1" noMove="1" noResize="1" noUngrp="1"/>
              </p:cNvGrpSpPr>
              <p:nvPr userDrawn="1"/>
            </p:nvGrpSpPr>
            <p:grpSpPr>
              <a:xfrm>
                <a:off x="5248227" y="5625150"/>
                <a:ext cx="1160133" cy="88488"/>
                <a:chOff x="5248227" y="4555175"/>
                <a:chExt cx="1160133" cy="88488"/>
              </a:xfrm>
              <a:grpFill/>
            </p:grpSpPr>
            <p:sp>
              <p:nvSpPr>
                <p:cNvPr id="86"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7"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8"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2" name="Group 61"/>
              <p:cNvGrpSpPr>
                <a:grpSpLocks noGrp="1" noRot="1" noMove="1" noResize="1" noUngrp="1"/>
              </p:cNvGrpSpPr>
              <p:nvPr userDrawn="1"/>
            </p:nvGrpSpPr>
            <p:grpSpPr>
              <a:xfrm>
                <a:off x="5248227" y="6158550"/>
                <a:ext cx="1160133" cy="88488"/>
                <a:chOff x="5248227" y="4555175"/>
                <a:chExt cx="1160133" cy="88488"/>
              </a:xfrm>
              <a:grpFill/>
            </p:grpSpPr>
            <p:sp>
              <p:nvSpPr>
                <p:cNvPr id="83"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4"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5"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3" name="Group 62"/>
              <p:cNvGrpSpPr>
                <a:grpSpLocks noGrp="1" noRot="1" noMove="1" noResize="1" noUngrp="1"/>
              </p:cNvGrpSpPr>
              <p:nvPr userDrawn="1"/>
            </p:nvGrpSpPr>
            <p:grpSpPr>
              <a:xfrm>
                <a:off x="3644852" y="6158550"/>
                <a:ext cx="1160133" cy="88488"/>
                <a:chOff x="5248227" y="4555175"/>
                <a:chExt cx="1160133" cy="88488"/>
              </a:xfrm>
              <a:grpFill/>
            </p:grpSpPr>
            <p:sp>
              <p:nvSpPr>
                <p:cNvPr id="80"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1"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2"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4" name="Group 63"/>
              <p:cNvGrpSpPr>
                <a:grpSpLocks noGrp="1" noRot="1" noMove="1" noResize="1" noUngrp="1"/>
              </p:cNvGrpSpPr>
              <p:nvPr userDrawn="1"/>
            </p:nvGrpSpPr>
            <p:grpSpPr>
              <a:xfrm>
                <a:off x="6851602" y="6158550"/>
                <a:ext cx="1160133" cy="88488"/>
                <a:chOff x="5248227" y="4555175"/>
                <a:chExt cx="1160133" cy="88488"/>
              </a:xfrm>
              <a:grpFill/>
            </p:grpSpPr>
            <p:sp>
              <p:nvSpPr>
                <p:cNvPr id="77"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8"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9"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5" name="Group 64"/>
              <p:cNvGrpSpPr>
                <a:grpSpLocks noGrp="1" noRot="1" noMove="1" noResize="1" noUngrp="1"/>
              </p:cNvGrpSpPr>
              <p:nvPr userDrawn="1"/>
            </p:nvGrpSpPr>
            <p:grpSpPr>
              <a:xfrm>
                <a:off x="5248227" y="6695125"/>
                <a:ext cx="1160133" cy="88488"/>
                <a:chOff x="5248227" y="4555175"/>
                <a:chExt cx="1160133" cy="88488"/>
              </a:xfrm>
              <a:grpFill/>
            </p:grpSpPr>
            <p:sp>
              <p:nvSpPr>
                <p:cNvPr id="74"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5"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6"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6" name="Group 65"/>
              <p:cNvGrpSpPr>
                <a:grpSpLocks noGrp="1" noRot="1" noMove="1" noResize="1" noUngrp="1"/>
              </p:cNvGrpSpPr>
              <p:nvPr userDrawn="1"/>
            </p:nvGrpSpPr>
            <p:grpSpPr>
              <a:xfrm>
                <a:off x="3644852" y="6695125"/>
                <a:ext cx="1160133" cy="88488"/>
                <a:chOff x="5248227" y="4555175"/>
                <a:chExt cx="1160133" cy="88488"/>
              </a:xfrm>
              <a:grpFill/>
            </p:grpSpPr>
            <p:sp>
              <p:nvSpPr>
                <p:cNvPr id="71"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2"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3"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7" name="Group 66"/>
              <p:cNvGrpSpPr>
                <a:grpSpLocks noGrp="1" noRot="1" noMove="1" noResize="1" noUngrp="1"/>
              </p:cNvGrpSpPr>
              <p:nvPr userDrawn="1"/>
            </p:nvGrpSpPr>
            <p:grpSpPr>
              <a:xfrm>
                <a:off x="6851602" y="6695125"/>
                <a:ext cx="1160133" cy="88488"/>
                <a:chOff x="5248227" y="4555175"/>
                <a:chExt cx="1160133" cy="88488"/>
              </a:xfrm>
              <a:grpFill/>
            </p:grpSpPr>
            <p:sp>
              <p:nvSpPr>
                <p:cNvPr id="68"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69"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0"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sp>
        <p:nvSpPr>
          <p:cNvPr id="5" name="Pictureplaceholder"/>
          <p:cNvSpPr>
            <a:spLocks noGrp="1" noChangeAspect="1"/>
          </p:cNvSpPr>
          <p:nvPr userDrawn="1">
            <p:ph type="pic" sz="quarter" idx="16"/>
          </p:nvPr>
        </p:nvSpPr>
        <p:spPr>
          <a:xfrm>
            <a:off x="6307200" y="355510"/>
            <a:ext cx="4737600" cy="4737600"/>
          </a:xfrm>
          <a:custGeom>
            <a:avLst/>
            <a:gdLst>
              <a:gd name="connsiteX0" fmla="*/ 1893604 w 4734000"/>
              <a:gd name="connsiteY0" fmla="*/ 0 h 4734000"/>
              <a:gd name="connsiteX1" fmla="*/ 2841049 w 4734000"/>
              <a:gd name="connsiteY1" fmla="*/ 0 h 4734000"/>
              <a:gd name="connsiteX2" fmla="*/ 3156821 w 4734000"/>
              <a:gd name="connsiteY2" fmla="*/ 315772 h 4734000"/>
              <a:gd name="connsiteX3" fmla="*/ 3156821 w 4734000"/>
              <a:gd name="connsiteY3" fmla="*/ 1342547 h 4734000"/>
              <a:gd name="connsiteX4" fmla="*/ 3393650 w 4734000"/>
              <a:gd name="connsiteY4" fmla="*/ 1579376 h 4734000"/>
              <a:gd name="connsiteX5" fmla="*/ 4420167 w 4734000"/>
              <a:gd name="connsiteY5" fmla="*/ 1579376 h 4734000"/>
              <a:gd name="connsiteX6" fmla="*/ 4729524 w 4734000"/>
              <a:gd name="connsiteY6" fmla="*/ 1831509 h 4734000"/>
              <a:gd name="connsiteX7" fmla="*/ 4734000 w 4734000"/>
              <a:gd name="connsiteY7" fmla="*/ 1875914 h 4734000"/>
              <a:gd name="connsiteX8" fmla="*/ 4734000 w 4734000"/>
              <a:gd name="connsiteY8" fmla="*/ 2861827 h 4734000"/>
              <a:gd name="connsiteX9" fmla="*/ 4729524 w 4734000"/>
              <a:gd name="connsiteY9" fmla="*/ 2906232 h 4734000"/>
              <a:gd name="connsiteX10" fmla="*/ 4420167 w 4734000"/>
              <a:gd name="connsiteY10" fmla="*/ 3158365 h 4734000"/>
              <a:gd name="connsiteX11" fmla="*/ 3393650 w 4734000"/>
              <a:gd name="connsiteY11" fmla="*/ 3158365 h 4734000"/>
              <a:gd name="connsiteX12" fmla="*/ 3156821 w 4734000"/>
              <a:gd name="connsiteY12" fmla="*/ 3395194 h 4734000"/>
              <a:gd name="connsiteX13" fmla="*/ 3156821 w 4734000"/>
              <a:gd name="connsiteY13" fmla="*/ 4421711 h 4734000"/>
              <a:gd name="connsiteX14" fmla="*/ 2904688 w 4734000"/>
              <a:gd name="connsiteY14" fmla="*/ 4731068 h 4734000"/>
              <a:gd name="connsiteX15" fmla="*/ 2875601 w 4734000"/>
              <a:gd name="connsiteY15" fmla="*/ 4734000 h 4734000"/>
              <a:gd name="connsiteX16" fmla="*/ 1861483 w 4734000"/>
              <a:gd name="connsiteY16" fmla="*/ 4734000 h 4734000"/>
              <a:gd name="connsiteX17" fmla="*/ 1829836 w 4734000"/>
              <a:gd name="connsiteY17" fmla="*/ 4730810 h 4734000"/>
              <a:gd name="connsiteX18" fmla="*/ 1577703 w 4734000"/>
              <a:gd name="connsiteY18" fmla="*/ 4421453 h 4734000"/>
              <a:gd name="connsiteX19" fmla="*/ 1577703 w 4734000"/>
              <a:gd name="connsiteY19" fmla="*/ 3394936 h 4734000"/>
              <a:gd name="connsiteX20" fmla="*/ 1340874 w 4734000"/>
              <a:gd name="connsiteY20" fmla="*/ 3158107 h 4734000"/>
              <a:gd name="connsiteX21" fmla="*/ 314357 w 4734000"/>
              <a:gd name="connsiteY21" fmla="*/ 3158107 h 4734000"/>
              <a:gd name="connsiteX22" fmla="*/ 5001 w 4734000"/>
              <a:gd name="connsiteY22" fmla="*/ 2905974 h 4734000"/>
              <a:gd name="connsiteX23" fmla="*/ 0 w 4734000"/>
              <a:gd name="connsiteY23" fmla="*/ 2856372 h 4734000"/>
              <a:gd name="connsiteX24" fmla="*/ 0 w 4734000"/>
              <a:gd name="connsiteY24" fmla="*/ 1880853 h 4734000"/>
              <a:gd name="connsiteX25" fmla="*/ 5001 w 4734000"/>
              <a:gd name="connsiteY25" fmla="*/ 1831251 h 4734000"/>
              <a:gd name="connsiteX26" fmla="*/ 314357 w 4734000"/>
              <a:gd name="connsiteY26" fmla="*/ 1579118 h 4734000"/>
              <a:gd name="connsiteX27" fmla="*/ 1341003 w 4734000"/>
              <a:gd name="connsiteY27" fmla="*/ 1579118 h 4734000"/>
              <a:gd name="connsiteX28" fmla="*/ 1577832 w 4734000"/>
              <a:gd name="connsiteY28" fmla="*/ 1342289 h 4734000"/>
              <a:gd name="connsiteX29" fmla="*/ 1577832 w 4734000"/>
              <a:gd name="connsiteY29" fmla="*/ 315772 h 4734000"/>
              <a:gd name="connsiteX30" fmla="*/ 1893604 w 4734000"/>
              <a:gd name="connsiteY30" fmla="*/ 0 h 473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4734000" h="4734000">
                <a:moveTo>
                  <a:pt x="1893604" y="0"/>
                </a:moveTo>
                <a:lnTo>
                  <a:pt x="2841049" y="0"/>
                </a:lnTo>
                <a:cubicBezTo>
                  <a:pt x="3015446" y="0"/>
                  <a:pt x="3156821" y="141375"/>
                  <a:pt x="3156821" y="315772"/>
                </a:cubicBezTo>
                <a:lnTo>
                  <a:pt x="3156821" y="1342547"/>
                </a:lnTo>
                <a:cubicBezTo>
                  <a:pt x="3156821" y="1473345"/>
                  <a:pt x="3262852" y="1579376"/>
                  <a:pt x="3393650" y="1579376"/>
                </a:cubicBezTo>
                <a:lnTo>
                  <a:pt x="4420167" y="1579376"/>
                </a:lnTo>
                <a:cubicBezTo>
                  <a:pt x="4572764" y="1579376"/>
                  <a:pt x="4700079" y="1687616"/>
                  <a:pt x="4729524" y="1831509"/>
                </a:cubicBezTo>
                <a:lnTo>
                  <a:pt x="4734000" y="1875914"/>
                </a:lnTo>
                <a:lnTo>
                  <a:pt x="4734000" y="2861827"/>
                </a:lnTo>
                <a:lnTo>
                  <a:pt x="4729524" y="2906232"/>
                </a:lnTo>
                <a:cubicBezTo>
                  <a:pt x="4700079" y="3050125"/>
                  <a:pt x="4572764" y="3158365"/>
                  <a:pt x="4420167" y="3158365"/>
                </a:cubicBezTo>
                <a:lnTo>
                  <a:pt x="3393650" y="3158365"/>
                </a:lnTo>
                <a:cubicBezTo>
                  <a:pt x="3262852" y="3158365"/>
                  <a:pt x="3156821" y="3264396"/>
                  <a:pt x="3156821" y="3395194"/>
                </a:cubicBezTo>
                <a:lnTo>
                  <a:pt x="3156821" y="4421711"/>
                </a:lnTo>
                <a:cubicBezTo>
                  <a:pt x="3156821" y="4574309"/>
                  <a:pt x="3048581" y="4701624"/>
                  <a:pt x="2904688" y="4731068"/>
                </a:cubicBezTo>
                <a:lnTo>
                  <a:pt x="2875601" y="4734000"/>
                </a:lnTo>
                <a:lnTo>
                  <a:pt x="1861483" y="4734000"/>
                </a:lnTo>
                <a:lnTo>
                  <a:pt x="1829836" y="4730810"/>
                </a:lnTo>
                <a:cubicBezTo>
                  <a:pt x="1685944" y="4701366"/>
                  <a:pt x="1577703" y="4574051"/>
                  <a:pt x="1577703" y="4421453"/>
                </a:cubicBezTo>
                <a:lnTo>
                  <a:pt x="1577703" y="3394936"/>
                </a:lnTo>
                <a:cubicBezTo>
                  <a:pt x="1577703" y="3264138"/>
                  <a:pt x="1471672" y="3158107"/>
                  <a:pt x="1340874" y="3158107"/>
                </a:cubicBezTo>
                <a:lnTo>
                  <a:pt x="314357" y="3158107"/>
                </a:lnTo>
                <a:cubicBezTo>
                  <a:pt x="161760" y="3158107"/>
                  <a:pt x="34445" y="3049867"/>
                  <a:pt x="5001" y="2905974"/>
                </a:cubicBezTo>
                <a:lnTo>
                  <a:pt x="0" y="2856372"/>
                </a:lnTo>
                <a:lnTo>
                  <a:pt x="0" y="1880853"/>
                </a:lnTo>
                <a:lnTo>
                  <a:pt x="5001" y="1831251"/>
                </a:lnTo>
                <a:cubicBezTo>
                  <a:pt x="34445" y="1687358"/>
                  <a:pt x="161760" y="1579118"/>
                  <a:pt x="314357" y="1579118"/>
                </a:cubicBezTo>
                <a:lnTo>
                  <a:pt x="1341003" y="1579118"/>
                </a:lnTo>
                <a:cubicBezTo>
                  <a:pt x="1471801" y="1579118"/>
                  <a:pt x="1577832" y="1473087"/>
                  <a:pt x="1577832" y="1342289"/>
                </a:cubicBezTo>
                <a:lnTo>
                  <a:pt x="1577832" y="315772"/>
                </a:lnTo>
                <a:cubicBezTo>
                  <a:pt x="1577832" y="141375"/>
                  <a:pt x="1719207" y="0"/>
                  <a:pt x="1893604" y="0"/>
                </a:cubicBezTo>
                <a:close/>
              </a:path>
            </a:pathLst>
          </a:custGeom>
          <a:solidFill>
            <a:schemeClr val="bg1">
              <a:lumMod val="75000"/>
            </a:schemeClr>
          </a:solidFill>
        </p:spPr>
        <p:txBody>
          <a:bodyPr wrap="square" tIns="576000" anchor="ctr" anchorCtr="0">
            <a:noAutofit/>
          </a:bodyPr>
          <a:lstStyle>
            <a:lvl1pPr marL="0" indent="0" algn="ctr">
              <a:buNone/>
              <a:defRPr sz="1600">
                <a:solidFill>
                  <a:schemeClr val="tx1"/>
                </a:solidFill>
              </a:defRPr>
            </a:lvl1pPr>
          </a:lstStyle>
          <a:p>
            <a:r>
              <a:rPr lang="en-US" dirty="0"/>
              <a:t>Click icon to add picture</a:t>
            </a:r>
            <a:endParaRPr lang="en-US" dirty="0"/>
          </a:p>
        </p:txBody>
      </p:sp>
      <p:sp>
        <p:nvSpPr>
          <p:cNvPr id="7" name="Text Placeholder 2"/>
          <p:cNvSpPr>
            <a:spLocks noGrp="1"/>
          </p:cNvSpPr>
          <p:nvPr userDrawn="1">
            <p:ph type="body" sz="quarter" idx="13" hasCustomPrompt="1"/>
          </p:nvPr>
        </p:nvSpPr>
        <p:spPr>
          <a:xfrm>
            <a:off x="358776" y="1327355"/>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2" name="Legal dynamic" descr="{&quot;templafy&quot;:{&quot;id&quot;:&quot;8fd9aa2e-e503-4a0c-ade5-76a759d3901a&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6" name="Internal Stamp dynamic" descr="{&quot;templafy&quot;:{&quot;id&quot;:&quot;b3f7776f-6ddf-4de0-bef2-90af8019edcf&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401937953" name="Dynamic logo dark mint" descr="{&quot;templafy&quot;:{&quot;id&quot;:&quot;f8e2f1f9-8732-4aa1-b949-546a070b45a4&quot;}}"/>
          <p:cNvPicPr>
            <a:picLocks noChangeAspect="1"/>
          </p:cNvPicPr>
          <p:nvPr/>
        </p:nvPicPr>
        <p:blipFill>
          <a:blip r:embed="rId2"/>
          <a:stretch>
            <a:fillRect/>
          </a:stretch>
        </p:blipFill>
        <p:spPr>
          <a:xfrm>
            <a:off x="346677" y="5882400"/>
            <a:ext cx="2145600" cy="756000"/>
          </a:xfrm>
          <a:prstGeom prst="rect">
            <a:avLst/>
          </a:prstGeom>
        </p:spPr>
      </p:pic>
      <p:sp>
        <p:nvSpPr>
          <p:cNvPr id="15" name="Slide Number Placeholder 14"/>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4" name="Date Placeholder 5"/>
          <p:cNvSpPr>
            <a:spLocks noGrp="1"/>
          </p:cNvSpPr>
          <p:nvPr>
            <p:ph type="dt" sz="half" idx="17"/>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B. Quote and Image">
    <p:bg>
      <p:bgPr>
        <a:solidFill>
          <a:srgbClr val="008F83"/>
        </a:solidFill>
        <a:effectLst/>
      </p:bgPr>
    </p:bg>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97" name="Group 96"/>
          <p:cNvGrpSpPr>
            <a:grpSpLocks noGrp="1" noRot="1" noMove="1" noResize="1" noUngrp="1"/>
          </p:cNvGrpSpPr>
          <p:nvPr userDrawn="1"/>
        </p:nvGrpSpPr>
        <p:grpSpPr>
          <a:xfrm>
            <a:off x="3538575" y="4314726"/>
            <a:ext cx="8681999" cy="2543274"/>
            <a:chOff x="3538575" y="4314726"/>
            <a:chExt cx="8681999" cy="2543274"/>
          </a:xfrm>
        </p:grpSpPr>
        <p:sp>
          <p:nvSpPr>
            <p:cNvPr id="57" name="Freeform: Shape 56"/>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58" name="Freeform 17"/>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59" name="Group 58"/>
            <p:cNvGrpSpPr>
              <a:grpSpLocks noGrp="1" noRot="1" noMove="1" noResize="1" noUngrp="1"/>
            </p:cNvGrpSpPr>
            <p:nvPr userDrawn="1"/>
          </p:nvGrpSpPr>
          <p:grpSpPr>
            <a:xfrm>
              <a:off x="3731134" y="4555175"/>
              <a:ext cx="4366883" cy="2228438"/>
              <a:chOff x="3644852" y="4555175"/>
              <a:chExt cx="4366883" cy="2228438"/>
            </a:xfrm>
            <a:solidFill>
              <a:srgbClr val="008F83"/>
            </a:solidFill>
          </p:grpSpPr>
          <p:grpSp>
            <p:nvGrpSpPr>
              <p:cNvPr id="60" name="Group 59"/>
              <p:cNvGrpSpPr>
                <a:grpSpLocks noGrp="1" noRot="1" noMove="1" noResize="1" noUngrp="1"/>
              </p:cNvGrpSpPr>
              <p:nvPr userDrawn="1"/>
            </p:nvGrpSpPr>
            <p:grpSpPr>
              <a:xfrm>
                <a:off x="5248227" y="4555175"/>
                <a:ext cx="1160133" cy="621888"/>
                <a:chOff x="5248227" y="4555175"/>
                <a:chExt cx="1160133" cy="621888"/>
              </a:xfrm>
              <a:grpFill/>
            </p:grpSpPr>
            <p:grpSp>
              <p:nvGrpSpPr>
                <p:cNvPr id="89" name="Group 88"/>
                <p:cNvGrpSpPr>
                  <a:grpSpLocks noGrp="1" noRot="1" noMove="1" noResize="1" noUngrp="1"/>
                </p:cNvGrpSpPr>
                <p:nvPr userDrawn="1"/>
              </p:nvGrpSpPr>
              <p:grpSpPr>
                <a:xfrm>
                  <a:off x="5248227" y="4555175"/>
                  <a:ext cx="1160133" cy="88488"/>
                  <a:chOff x="5248227" y="4555175"/>
                  <a:chExt cx="1160133" cy="88488"/>
                </a:xfrm>
                <a:grpFill/>
              </p:grpSpPr>
              <p:sp>
                <p:nvSpPr>
                  <p:cNvPr id="94"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95"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96"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90" name="Group 89"/>
                <p:cNvGrpSpPr>
                  <a:grpSpLocks noGrp="1" noRot="1" noMove="1" noResize="1" noUngrp="1"/>
                </p:cNvGrpSpPr>
                <p:nvPr userDrawn="1"/>
              </p:nvGrpSpPr>
              <p:grpSpPr>
                <a:xfrm>
                  <a:off x="5248227" y="5088575"/>
                  <a:ext cx="1160133" cy="88488"/>
                  <a:chOff x="5248227" y="4555175"/>
                  <a:chExt cx="1160133" cy="88488"/>
                </a:xfrm>
                <a:grpFill/>
              </p:grpSpPr>
              <p:sp>
                <p:nvSpPr>
                  <p:cNvPr id="91"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92"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93"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nvGrpSpPr>
              <p:cNvPr id="61" name="Group 60"/>
              <p:cNvGrpSpPr>
                <a:grpSpLocks noGrp="1" noRot="1" noMove="1" noResize="1" noUngrp="1"/>
              </p:cNvGrpSpPr>
              <p:nvPr userDrawn="1"/>
            </p:nvGrpSpPr>
            <p:grpSpPr>
              <a:xfrm>
                <a:off x="5248227" y="5625150"/>
                <a:ext cx="1160133" cy="88488"/>
                <a:chOff x="5248227" y="4555175"/>
                <a:chExt cx="1160133" cy="88488"/>
              </a:xfrm>
              <a:grpFill/>
            </p:grpSpPr>
            <p:sp>
              <p:nvSpPr>
                <p:cNvPr id="86"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7"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8"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2" name="Group 61"/>
              <p:cNvGrpSpPr>
                <a:grpSpLocks noGrp="1" noRot="1" noMove="1" noResize="1" noUngrp="1"/>
              </p:cNvGrpSpPr>
              <p:nvPr userDrawn="1"/>
            </p:nvGrpSpPr>
            <p:grpSpPr>
              <a:xfrm>
                <a:off x="5248227" y="6158550"/>
                <a:ext cx="1160133" cy="88488"/>
                <a:chOff x="5248227" y="4555175"/>
                <a:chExt cx="1160133" cy="88488"/>
              </a:xfrm>
              <a:grpFill/>
            </p:grpSpPr>
            <p:sp>
              <p:nvSpPr>
                <p:cNvPr id="83"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4"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5"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3" name="Group 62"/>
              <p:cNvGrpSpPr>
                <a:grpSpLocks noGrp="1" noRot="1" noMove="1" noResize="1" noUngrp="1"/>
              </p:cNvGrpSpPr>
              <p:nvPr userDrawn="1"/>
            </p:nvGrpSpPr>
            <p:grpSpPr>
              <a:xfrm>
                <a:off x="3644852" y="6158550"/>
                <a:ext cx="1160133" cy="88488"/>
                <a:chOff x="5248227" y="4555175"/>
                <a:chExt cx="1160133" cy="88488"/>
              </a:xfrm>
              <a:grpFill/>
            </p:grpSpPr>
            <p:sp>
              <p:nvSpPr>
                <p:cNvPr id="80"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1"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82"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4" name="Group 63"/>
              <p:cNvGrpSpPr>
                <a:grpSpLocks noGrp="1" noRot="1" noMove="1" noResize="1" noUngrp="1"/>
              </p:cNvGrpSpPr>
              <p:nvPr userDrawn="1"/>
            </p:nvGrpSpPr>
            <p:grpSpPr>
              <a:xfrm>
                <a:off x="6851602" y="6158550"/>
                <a:ext cx="1160133" cy="88488"/>
                <a:chOff x="5248227" y="4555175"/>
                <a:chExt cx="1160133" cy="88488"/>
              </a:xfrm>
              <a:grpFill/>
            </p:grpSpPr>
            <p:sp>
              <p:nvSpPr>
                <p:cNvPr id="77"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8"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9"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5" name="Group 64"/>
              <p:cNvGrpSpPr>
                <a:grpSpLocks noGrp="1" noRot="1" noMove="1" noResize="1" noUngrp="1"/>
              </p:cNvGrpSpPr>
              <p:nvPr userDrawn="1"/>
            </p:nvGrpSpPr>
            <p:grpSpPr>
              <a:xfrm>
                <a:off x="5248227" y="6695125"/>
                <a:ext cx="1160133" cy="88488"/>
                <a:chOff x="5248227" y="4555175"/>
                <a:chExt cx="1160133" cy="88488"/>
              </a:xfrm>
              <a:grpFill/>
            </p:grpSpPr>
            <p:sp>
              <p:nvSpPr>
                <p:cNvPr id="74"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5"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6"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6" name="Group 65"/>
              <p:cNvGrpSpPr>
                <a:grpSpLocks noGrp="1" noRot="1" noMove="1" noResize="1" noUngrp="1"/>
              </p:cNvGrpSpPr>
              <p:nvPr userDrawn="1"/>
            </p:nvGrpSpPr>
            <p:grpSpPr>
              <a:xfrm>
                <a:off x="3644852" y="6695125"/>
                <a:ext cx="1160133" cy="88488"/>
                <a:chOff x="5248227" y="4555175"/>
                <a:chExt cx="1160133" cy="88488"/>
              </a:xfrm>
              <a:grpFill/>
            </p:grpSpPr>
            <p:sp>
              <p:nvSpPr>
                <p:cNvPr id="71"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2"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3"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67" name="Group 66"/>
              <p:cNvGrpSpPr>
                <a:grpSpLocks noGrp="1" noRot="1" noMove="1" noResize="1" noUngrp="1"/>
              </p:cNvGrpSpPr>
              <p:nvPr userDrawn="1"/>
            </p:nvGrpSpPr>
            <p:grpSpPr>
              <a:xfrm>
                <a:off x="6851602" y="6695125"/>
                <a:ext cx="1160133" cy="88488"/>
                <a:chOff x="5248227" y="4555175"/>
                <a:chExt cx="1160133" cy="88488"/>
              </a:xfrm>
              <a:grpFill/>
            </p:grpSpPr>
            <p:sp>
              <p:nvSpPr>
                <p:cNvPr id="68"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69"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70"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sp>
        <p:nvSpPr>
          <p:cNvPr id="6" name="Pictureplaceholder"/>
          <p:cNvSpPr>
            <a:spLocks noGrp="1" noChangeAspect="1"/>
          </p:cNvSpPr>
          <p:nvPr userDrawn="1">
            <p:ph type="pic" sz="quarter" idx="17"/>
          </p:nvPr>
        </p:nvSpPr>
        <p:spPr>
          <a:xfrm>
            <a:off x="6307200" y="355510"/>
            <a:ext cx="4737600" cy="4737600"/>
          </a:xfrm>
          <a:custGeom>
            <a:avLst/>
            <a:gdLst>
              <a:gd name="connsiteX0" fmla="*/ 1893604 w 4734000"/>
              <a:gd name="connsiteY0" fmla="*/ 0 h 4734000"/>
              <a:gd name="connsiteX1" fmla="*/ 2841049 w 4734000"/>
              <a:gd name="connsiteY1" fmla="*/ 0 h 4734000"/>
              <a:gd name="connsiteX2" fmla="*/ 3156821 w 4734000"/>
              <a:gd name="connsiteY2" fmla="*/ 315772 h 4734000"/>
              <a:gd name="connsiteX3" fmla="*/ 3156821 w 4734000"/>
              <a:gd name="connsiteY3" fmla="*/ 1342547 h 4734000"/>
              <a:gd name="connsiteX4" fmla="*/ 3393650 w 4734000"/>
              <a:gd name="connsiteY4" fmla="*/ 1579376 h 4734000"/>
              <a:gd name="connsiteX5" fmla="*/ 4420167 w 4734000"/>
              <a:gd name="connsiteY5" fmla="*/ 1579376 h 4734000"/>
              <a:gd name="connsiteX6" fmla="*/ 4729524 w 4734000"/>
              <a:gd name="connsiteY6" fmla="*/ 1831509 h 4734000"/>
              <a:gd name="connsiteX7" fmla="*/ 4734000 w 4734000"/>
              <a:gd name="connsiteY7" fmla="*/ 1875914 h 4734000"/>
              <a:gd name="connsiteX8" fmla="*/ 4734000 w 4734000"/>
              <a:gd name="connsiteY8" fmla="*/ 2861827 h 4734000"/>
              <a:gd name="connsiteX9" fmla="*/ 4729524 w 4734000"/>
              <a:gd name="connsiteY9" fmla="*/ 2906232 h 4734000"/>
              <a:gd name="connsiteX10" fmla="*/ 4420167 w 4734000"/>
              <a:gd name="connsiteY10" fmla="*/ 3158365 h 4734000"/>
              <a:gd name="connsiteX11" fmla="*/ 3393650 w 4734000"/>
              <a:gd name="connsiteY11" fmla="*/ 3158365 h 4734000"/>
              <a:gd name="connsiteX12" fmla="*/ 3156821 w 4734000"/>
              <a:gd name="connsiteY12" fmla="*/ 3395194 h 4734000"/>
              <a:gd name="connsiteX13" fmla="*/ 3156821 w 4734000"/>
              <a:gd name="connsiteY13" fmla="*/ 4421711 h 4734000"/>
              <a:gd name="connsiteX14" fmla="*/ 2904688 w 4734000"/>
              <a:gd name="connsiteY14" fmla="*/ 4731068 h 4734000"/>
              <a:gd name="connsiteX15" fmla="*/ 2875601 w 4734000"/>
              <a:gd name="connsiteY15" fmla="*/ 4734000 h 4734000"/>
              <a:gd name="connsiteX16" fmla="*/ 1861483 w 4734000"/>
              <a:gd name="connsiteY16" fmla="*/ 4734000 h 4734000"/>
              <a:gd name="connsiteX17" fmla="*/ 1829836 w 4734000"/>
              <a:gd name="connsiteY17" fmla="*/ 4730810 h 4734000"/>
              <a:gd name="connsiteX18" fmla="*/ 1577703 w 4734000"/>
              <a:gd name="connsiteY18" fmla="*/ 4421453 h 4734000"/>
              <a:gd name="connsiteX19" fmla="*/ 1577703 w 4734000"/>
              <a:gd name="connsiteY19" fmla="*/ 3394936 h 4734000"/>
              <a:gd name="connsiteX20" fmla="*/ 1340874 w 4734000"/>
              <a:gd name="connsiteY20" fmla="*/ 3158107 h 4734000"/>
              <a:gd name="connsiteX21" fmla="*/ 314357 w 4734000"/>
              <a:gd name="connsiteY21" fmla="*/ 3158107 h 4734000"/>
              <a:gd name="connsiteX22" fmla="*/ 5001 w 4734000"/>
              <a:gd name="connsiteY22" fmla="*/ 2905974 h 4734000"/>
              <a:gd name="connsiteX23" fmla="*/ 0 w 4734000"/>
              <a:gd name="connsiteY23" fmla="*/ 2856372 h 4734000"/>
              <a:gd name="connsiteX24" fmla="*/ 0 w 4734000"/>
              <a:gd name="connsiteY24" fmla="*/ 1880853 h 4734000"/>
              <a:gd name="connsiteX25" fmla="*/ 5001 w 4734000"/>
              <a:gd name="connsiteY25" fmla="*/ 1831251 h 4734000"/>
              <a:gd name="connsiteX26" fmla="*/ 314357 w 4734000"/>
              <a:gd name="connsiteY26" fmla="*/ 1579118 h 4734000"/>
              <a:gd name="connsiteX27" fmla="*/ 1341003 w 4734000"/>
              <a:gd name="connsiteY27" fmla="*/ 1579118 h 4734000"/>
              <a:gd name="connsiteX28" fmla="*/ 1577832 w 4734000"/>
              <a:gd name="connsiteY28" fmla="*/ 1342289 h 4734000"/>
              <a:gd name="connsiteX29" fmla="*/ 1577832 w 4734000"/>
              <a:gd name="connsiteY29" fmla="*/ 315772 h 4734000"/>
              <a:gd name="connsiteX30" fmla="*/ 1893604 w 4734000"/>
              <a:gd name="connsiteY30" fmla="*/ 0 h 473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4734000" h="4734000">
                <a:moveTo>
                  <a:pt x="1893604" y="0"/>
                </a:moveTo>
                <a:lnTo>
                  <a:pt x="2841049" y="0"/>
                </a:lnTo>
                <a:cubicBezTo>
                  <a:pt x="3015446" y="0"/>
                  <a:pt x="3156821" y="141375"/>
                  <a:pt x="3156821" y="315772"/>
                </a:cubicBezTo>
                <a:lnTo>
                  <a:pt x="3156821" y="1342547"/>
                </a:lnTo>
                <a:cubicBezTo>
                  <a:pt x="3156821" y="1473345"/>
                  <a:pt x="3262852" y="1579376"/>
                  <a:pt x="3393650" y="1579376"/>
                </a:cubicBezTo>
                <a:lnTo>
                  <a:pt x="4420167" y="1579376"/>
                </a:lnTo>
                <a:cubicBezTo>
                  <a:pt x="4572764" y="1579376"/>
                  <a:pt x="4700079" y="1687616"/>
                  <a:pt x="4729524" y="1831509"/>
                </a:cubicBezTo>
                <a:lnTo>
                  <a:pt x="4734000" y="1875914"/>
                </a:lnTo>
                <a:lnTo>
                  <a:pt x="4734000" y="2861827"/>
                </a:lnTo>
                <a:lnTo>
                  <a:pt x="4729524" y="2906232"/>
                </a:lnTo>
                <a:cubicBezTo>
                  <a:pt x="4700079" y="3050125"/>
                  <a:pt x="4572764" y="3158365"/>
                  <a:pt x="4420167" y="3158365"/>
                </a:cubicBezTo>
                <a:lnTo>
                  <a:pt x="3393650" y="3158365"/>
                </a:lnTo>
                <a:cubicBezTo>
                  <a:pt x="3262852" y="3158365"/>
                  <a:pt x="3156821" y="3264396"/>
                  <a:pt x="3156821" y="3395194"/>
                </a:cubicBezTo>
                <a:lnTo>
                  <a:pt x="3156821" y="4421711"/>
                </a:lnTo>
                <a:cubicBezTo>
                  <a:pt x="3156821" y="4574309"/>
                  <a:pt x="3048581" y="4701624"/>
                  <a:pt x="2904688" y="4731068"/>
                </a:cubicBezTo>
                <a:lnTo>
                  <a:pt x="2875601" y="4734000"/>
                </a:lnTo>
                <a:lnTo>
                  <a:pt x="1861483" y="4734000"/>
                </a:lnTo>
                <a:lnTo>
                  <a:pt x="1829836" y="4730810"/>
                </a:lnTo>
                <a:cubicBezTo>
                  <a:pt x="1685944" y="4701366"/>
                  <a:pt x="1577703" y="4574051"/>
                  <a:pt x="1577703" y="4421453"/>
                </a:cubicBezTo>
                <a:lnTo>
                  <a:pt x="1577703" y="3394936"/>
                </a:lnTo>
                <a:cubicBezTo>
                  <a:pt x="1577703" y="3264138"/>
                  <a:pt x="1471672" y="3158107"/>
                  <a:pt x="1340874" y="3158107"/>
                </a:cubicBezTo>
                <a:lnTo>
                  <a:pt x="314357" y="3158107"/>
                </a:lnTo>
                <a:cubicBezTo>
                  <a:pt x="161760" y="3158107"/>
                  <a:pt x="34445" y="3049867"/>
                  <a:pt x="5001" y="2905974"/>
                </a:cubicBezTo>
                <a:lnTo>
                  <a:pt x="0" y="2856372"/>
                </a:lnTo>
                <a:lnTo>
                  <a:pt x="0" y="1880853"/>
                </a:lnTo>
                <a:lnTo>
                  <a:pt x="5001" y="1831251"/>
                </a:lnTo>
                <a:cubicBezTo>
                  <a:pt x="34445" y="1687358"/>
                  <a:pt x="161760" y="1579118"/>
                  <a:pt x="314357" y="1579118"/>
                </a:cubicBezTo>
                <a:lnTo>
                  <a:pt x="1341003" y="1579118"/>
                </a:lnTo>
                <a:cubicBezTo>
                  <a:pt x="1471801" y="1579118"/>
                  <a:pt x="1577832" y="1473087"/>
                  <a:pt x="1577832" y="1342289"/>
                </a:cubicBezTo>
                <a:lnTo>
                  <a:pt x="1577832" y="315772"/>
                </a:lnTo>
                <a:cubicBezTo>
                  <a:pt x="1577832" y="141375"/>
                  <a:pt x="1719207" y="0"/>
                  <a:pt x="1893604" y="0"/>
                </a:cubicBezTo>
                <a:close/>
              </a:path>
            </a:pathLst>
          </a:custGeom>
          <a:solidFill>
            <a:srgbClr val="BFBFBF"/>
          </a:solidFill>
        </p:spPr>
        <p:txBody>
          <a:bodyPr wrap="square" tIns="576000" anchor="ctr" anchorCtr="0">
            <a:noAutofit/>
          </a:bodyPr>
          <a:lstStyle>
            <a:lvl1pPr marL="0" indent="0" algn="ctr">
              <a:buNone/>
              <a:defRPr sz="1600">
                <a:solidFill>
                  <a:schemeClr val="bg1"/>
                </a:solidFill>
              </a:defRPr>
            </a:lvl1pPr>
          </a:lstStyle>
          <a:p>
            <a:r>
              <a:rPr lang="en-US" dirty="0"/>
              <a:t>Click icon to add picture</a:t>
            </a:r>
            <a:endParaRPr lang="en-US" dirty="0"/>
          </a:p>
        </p:txBody>
      </p:sp>
      <p:sp>
        <p:nvSpPr>
          <p:cNvPr id="12" name="Text Placeholder 2"/>
          <p:cNvSpPr>
            <a:spLocks noGrp="1"/>
          </p:cNvSpPr>
          <p:nvPr userDrawn="1">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4" name="Legal dynamic" descr="{&quot;templafy&quot;:{&quot;id&quot;:&quot;3a553262-31bc-4a82-a182-f29b0631fcfb&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5" name="Internal Stamp dynamic" descr="{&quot;templafy&quot;:{&quot;id&quot;:&quot;101af3b7-ad87-4a6b-be71-e7ac13bb8b85&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6020202030204" pitchFamily="34" charset="0"/>
              <a:ea typeface="+mn-ea"/>
              <a:cs typeface="+mn-cs"/>
            </a:endParaRPr>
          </a:p>
        </p:txBody>
      </p:sp>
      <p:pic>
        <p:nvPicPr>
          <p:cNvPr id="1789543125" name="Dynamic logo hypermint" descr="{&quot;templafy&quot;:{&quot;id&quot;:&quot;5218b137-ff2b-4206-b10c-dbd69e8ea435&quot;}}"/>
          <p:cNvPicPr>
            <a:picLocks noChangeAspect="1"/>
          </p:cNvPicPr>
          <p:nvPr/>
        </p:nvPicPr>
        <p:blipFill>
          <a:blip r:embed="rId2"/>
          <a:stretch>
            <a:fillRect/>
          </a:stretch>
        </p:blipFill>
        <p:spPr>
          <a:xfrm>
            <a:off x="346677" y="5882400"/>
            <a:ext cx="2145600" cy="756000"/>
          </a:xfrm>
          <a:prstGeom prst="rect">
            <a:avLst/>
          </a:prstGeom>
        </p:spPr>
      </p:pic>
      <p:sp>
        <p:nvSpPr>
          <p:cNvPr id="15" name="Slide Number Placeholder 14"/>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7"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C. Quote and Image">
    <p:bg>
      <p:bgPr>
        <a:solidFill>
          <a:srgbClr val="035C67"/>
        </a:solidFill>
        <a:effectLst/>
      </p:bgPr>
    </p:bg>
    <p:spTree>
      <p:nvGrpSpPr>
        <p:cNvPr id="1" name=""/>
        <p:cNvGrpSpPr/>
        <p:nvPr/>
      </p:nvGrpSpPr>
      <p:grpSpPr>
        <a:xfrm>
          <a:off x="0" y="0"/>
          <a:ext cx="0" cy="0"/>
          <a:chOff x="0" y="0"/>
          <a:chExt cx="0" cy="0"/>
        </a:xfrm>
      </p:grpSpPr>
      <p:sp>
        <p:nvSpPr>
          <p:cNvPr id="3" name="Background"/>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67" name="Group 66"/>
          <p:cNvGrpSpPr>
            <a:grpSpLocks noGrp="1" noRot="1" noMove="1" noResize="1" noUngrp="1"/>
          </p:cNvGrpSpPr>
          <p:nvPr userDrawn="1"/>
        </p:nvGrpSpPr>
        <p:grpSpPr>
          <a:xfrm>
            <a:off x="3538575" y="4314726"/>
            <a:ext cx="8681999" cy="2543274"/>
            <a:chOff x="3538575" y="4314726"/>
            <a:chExt cx="8681999" cy="2543274"/>
          </a:xfrm>
        </p:grpSpPr>
        <p:sp>
          <p:nvSpPr>
            <p:cNvPr id="11" name="Freeform: Shape 10"/>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6" name="Freeform 17"/>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18" name="Group 17"/>
            <p:cNvGrpSpPr>
              <a:grpSpLocks noGrp="1" noRot="1" noMove="1" noResize="1" noUngrp="1"/>
            </p:cNvGrpSpPr>
            <p:nvPr userDrawn="1"/>
          </p:nvGrpSpPr>
          <p:grpSpPr>
            <a:xfrm>
              <a:off x="3731134" y="4555175"/>
              <a:ext cx="4366883" cy="2228438"/>
              <a:chOff x="3644852" y="4555175"/>
              <a:chExt cx="4366883" cy="2228438"/>
            </a:xfrm>
            <a:solidFill>
              <a:schemeClr val="accent1"/>
            </a:solidFill>
          </p:grpSpPr>
          <p:grpSp>
            <p:nvGrpSpPr>
              <p:cNvPr id="19" name="Group 18"/>
              <p:cNvGrpSpPr>
                <a:grpSpLocks noGrp="1" noRot="1" noMove="1" noResize="1" noUngrp="1"/>
              </p:cNvGrpSpPr>
              <p:nvPr userDrawn="1"/>
            </p:nvGrpSpPr>
            <p:grpSpPr>
              <a:xfrm>
                <a:off x="5248227" y="4555175"/>
                <a:ext cx="1160133" cy="621888"/>
                <a:chOff x="5248227" y="4555175"/>
                <a:chExt cx="1160133" cy="621888"/>
              </a:xfrm>
              <a:grpFill/>
            </p:grpSpPr>
            <p:grpSp>
              <p:nvGrpSpPr>
                <p:cNvPr id="48" name="Group 47"/>
                <p:cNvGrpSpPr>
                  <a:grpSpLocks noGrp="1" noRot="1" noMove="1" noResize="1" noUngrp="1"/>
                </p:cNvGrpSpPr>
                <p:nvPr userDrawn="1"/>
              </p:nvGrpSpPr>
              <p:grpSpPr>
                <a:xfrm>
                  <a:off x="5248227" y="4555175"/>
                  <a:ext cx="1160133" cy="88488"/>
                  <a:chOff x="5248227" y="4555175"/>
                  <a:chExt cx="1160133" cy="88488"/>
                </a:xfrm>
                <a:grpFill/>
              </p:grpSpPr>
              <p:sp>
                <p:nvSpPr>
                  <p:cNvPr id="53"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54"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55"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49" name="Group 48"/>
                <p:cNvGrpSpPr>
                  <a:grpSpLocks noGrp="1" noRot="1" noMove="1" noResize="1" noUngrp="1"/>
                </p:cNvGrpSpPr>
                <p:nvPr userDrawn="1"/>
              </p:nvGrpSpPr>
              <p:grpSpPr>
                <a:xfrm>
                  <a:off x="5248227" y="5088575"/>
                  <a:ext cx="1160133" cy="88488"/>
                  <a:chOff x="5248227" y="4555175"/>
                  <a:chExt cx="1160133" cy="88488"/>
                </a:xfrm>
                <a:grpFill/>
              </p:grpSpPr>
              <p:sp>
                <p:nvSpPr>
                  <p:cNvPr id="50"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51"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52"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nvGrpSpPr>
              <p:cNvPr id="20" name="Group 19"/>
              <p:cNvGrpSpPr>
                <a:grpSpLocks noGrp="1" noRot="1" noMove="1" noResize="1" noUngrp="1"/>
              </p:cNvGrpSpPr>
              <p:nvPr userDrawn="1"/>
            </p:nvGrpSpPr>
            <p:grpSpPr>
              <a:xfrm>
                <a:off x="5248227" y="5625150"/>
                <a:ext cx="1160133" cy="88488"/>
                <a:chOff x="5248227" y="4555175"/>
                <a:chExt cx="1160133" cy="88488"/>
              </a:xfrm>
              <a:grpFill/>
            </p:grpSpPr>
            <p:sp>
              <p:nvSpPr>
                <p:cNvPr id="45"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46"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47"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1" name="Group 20"/>
              <p:cNvGrpSpPr>
                <a:grpSpLocks noGrp="1" noRot="1" noMove="1" noResize="1" noUngrp="1"/>
              </p:cNvGrpSpPr>
              <p:nvPr userDrawn="1"/>
            </p:nvGrpSpPr>
            <p:grpSpPr>
              <a:xfrm>
                <a:off x="5248227" y="6158550"/>
                <a:ext cx="1160133" cy="88488"/>
                <a:chOff x="5248227" y="4555175"/>
                <a:chExt cx="1160133" cy="88488"/>
              </a:xfrm>
              <a:grpFill/>
            </p:grpSpPr>
            <p:sp>
              <p:nvSpPr>
                <p:cNvPr id="42"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43"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44"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2" name="Group 21"/>
              <p:cNvGrpSpPr>
                <a:grpSpLocks noGrp="1" noRot="1" noMove="1" noResize="1" noUngrp="1"/>
              </p:cNvGrpSpPr>
              <p:nvPr userDrawn="1"/>
            </p:nvGrpSpPr>
            <p:grpSpPr>
              <a:xfrm>
                <a:off x="3644852" y="6158550"/>
                <a:ext cx="1160133" cy="88488"/>
                <a:chOff x="5248227" y="4555175"/>
                <a:chExt cx="1160133" cy="88488"/>
              </a:xfrm>
              <a:grpFill/>
            </p:grpSpPr>
            <p:sp>
              <p:nvSpPr>
                <p:cNvPr id="39"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40"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41"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3" name="Group 22"/>
              <p:cNvGrpSpPr>
                <a:grpSpLocks noGrp="1" noRot="1" noMove="1" noResize="1" noUngrp="1"/>
              </p:cNvGrpSpPr>
              <p:nvPr userDrawn="1"/>
            </p:nvGrpSpPr>
            <p:grpSpPr>
              <a:xfrm>
                <a:off x="6851602" y="6158550"/>
                <a:ext cx="1160133" cy="88488"/>
                <a:chOff x="5248227" y="4555175"/>
                <a:chExt cx="1160133" cy="88488"/>
              </a:xfrm>
              <a:grpFill/>
            </p:grpSpPr>
            <p:sp>
              <p:nvSpPr>
                <p:cNvPr id="36"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37"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38"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4" name="Group 23"/>
              <p:cNvGrpSpPr>
                <a:grpSpLocks noGrp="1" noRot="1" noMove="1" noResize="1" noUngrp="1"/>
              </p:cNvGrpSpPr>
              <p:nvPr userDrawn="1"/>
            </p:nvGrpSpPr>
            <p:grpSpPr>
              <a:xfrm>
                <a:off x="5248227" y="6695125"/>
                <a:ext cx="1160133" cy="88488"/>
                <a:chOff x="5248227" y="4555175"/>
                <a:chExt cx="1160133" cy="88488"/>
              </a:xfrm>
              <a:grpFill/>
            </p:grpSpPr>
            <p:sp>
              <p:nvSpPr>
                <p:cNvPr id="33"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34"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35"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5" name="Group 24"/>
              <p:cNvGrpSpPr>
                <a:grpSpLocks noGrp="1" noRot="1" noMove="1" noResize="1" noUngrp="1"/>
              </p:cNvGrpSpPr>
              <p:nvPr userDrawn="1"/>
            </p:nvGrpSpPr>
            <p:grpSpPr>
              <a:xfrm>
                <a:off x="3644852" y="6695125"/>
                <a:ext cx="1160133" cy="88488"/>
                <a:chOff x="5248227" y="4555175"/>
                <a:chExt cx="1160133" cy="88488"/>
              </a:xfrm>
              <a:grpFill/>
            </p:grpSpPr>
            <p:sp>
              <p:nvSpPr>
                <p:cNvPr id="30"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31"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32"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nvGrpSpPr>
              <p:cNvPr id="26" name="Group 25"/>
              <p:cNvGrpSpPr>
                <a:grpSpLocks noGrp="1" noRot="1" noMove="1" noResize="1" noUngrp="1"/>
              </p:cNvGrpSpPr>
              <p:nvPr userDrawn="1"/>
            </p:nvGrpSpPr>
            <p:grpSpPr>
              <a:xfrm>
                <a:off x="6851602" y="6695125"/>
                <a:ext cx="1160133" cy="88488"/>
                <a:chOff x="5248227" y="4555175"/>
                <a:chExt cx="1160133" cy="88488"/>
              </a:xfrm>
              <a:grpFill/>
            </p:grpSpPr>
            <p:sp>
              <p:nvSpPr>
                <p:cNvPr id="27" name="Freeform 95"/>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8" name="Freeform 95"/>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sp>
              <p:nvSpPr>
                <p:cNvPr id="29" name="Freeform 95"/>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14:hiddenLine>
                  </a:ext>
                </a:extLst>
              </p:spPr>
              <p:txBody>
                <a:bodyPr vert="horz" wrap="square" lIns="91440" tIns="45720" rIns="91440" bIns="45720" numCol="1" anchor="t" anchorCtr="0" compatLnSpc="1"/>
                <a:lstStyle/>
                <a:p>
                  <a:endParaRPr lang="en-US" dirty="0"/>
                </a:p>
              </p:txBody>
            </p:sp>
          </p:grpSp>
        </p:grpSp>
      </p:grpSp>
      <p:sp>
        <p:nvSpPr>
          <p:cNvPr id="7" name="Pictureplaceholder"/>
          <p:cNvSpPr>
            <a:spLocks noGrp="1" noChangeAspect="1"/>
          </p:cNvSpPr>
          <p:nvPr userDrawn="1">
            <p:ph type="pic" sz="quarter" idx="17"/>
          </p:nvPr>
        </p:nvSpPr>
        <p:spPr>
          <a:xfrm>
            <a:off x="6307200" y="355510"/>
            <a:ext cx="4737600" cy="4737600"/>
          </a:xfrm>
          <a:custGeom>
            <a:avLst/>
            <a:gdLst>
              <a:gd name="connsiteX0" fmla="*/ 1893604 w 4734000"/>
              <a:gd name="connsiteY0" fmla="*/ 0 h 4734000"/>
              <a:gd name="connsiteX1" fmla="*/ 2841049 w 4734000"/>
              <a:gd name="connsiteY1" fmla="*/ 0 h 4734000"/>
              <a:gd name="connsiteX2" fmla="*/ 3156821 w 4734000"/>
              <a:gd name="connsiteY2" fmla="*/ 315772 h 4734000"/>
              <a:gd name="connsiteX3" fmla="*/ 3156821 w 4734000"/>
              <a:gd name="connsiteY3" fmla="*/ 1342547 h 4734000"/>
              <a:gd name="connsiteX4" fmla="*/ 3393650 w 4734000"/>
              <a:gd name="connsiteY4" fmla="*/ 1579376 h 4734000"/>
              <a:gd name="connsiteX5" fmla="*/ 4420167 w 4734000"/>
              <a:gd name="connsiteY5" fmla="*/ 1579376 h 4734000"/>
              <a:gd name="connsiteX6" fmla="*/ 4729524 w 4734000"/>
              <a:gd name="connsiteY6" fmla="*/ 1831509 h 4734000"/>
              <a:gd name="connsiteX7" fmla="*/ 4734000 w 4734000"/>
              <a:gd name="connsiteY7" fmla="*/ 1875914 h 4734000"/>
              <a:gd name="connsiteX8" fmla="*/ 4734000 w 4734000"/>
              <a:gd name="connsiteY8" fmla="*/ 2861827 h 4734000"/>
              <a:gd name="connsiteX9" fmla="*/ 4729524 w 4734000"/>
              <a:gd name="connsiteY9" fmla="*/ 2906232 h 4734000"/>
              <a:gd name="connsiteX10" fmla="*/ 4420167 w 4734000"/>
              <a:gd name="connsiteY10" fmla="*/ 3158365 h 4734000"/>
              <a:gd name="connsiteX11" fmla="*/ 3393650 w 4734000"/>
              <a:gd name="connsiteY11" fmla="*/ 3158365 h 4734000"/>
              <a:gd name="connsiteX12" fmla="*/ 3156821 w 4734000"/>
              <a:gd name="connsiteY12" fmla="*/ 3395194 h 4734000"/>
              <a:gd name="connsiteX13" fmla="*/ 3156821 w 4734000"/>
              <a:gd name="connsiteY13" fmla="*/ 4421711 h 4734000"/>
              <a:gd name="connsiteX14" fmla="*/ 2904688 w 4734000"/>
              <a:gd name="connsiteY14" fmla="*/ 4731068 h 4734000"/>
              <a:gd name="connsiteX15" fmla="*/ 2875601 w 4734000"/>
              <a:gd name="connsiteY15" fmla="*/ 4734000 h 4734000"/>
              <a:gd name="connsiteX16" fmla="*/ 1861483 w 4734000"/>
              <a:gd name="connsiteY16" fmla="*/ 4734000 h 4734000"/>
              <a:gd name="connsiteX17" fmla="*/ 1829836 w 4734000"/>
              <a:gd name="connsiteY17" fmla="*/ 4730810 h 4734000"/>
              <a:gd name="connsiteX18" fmla="*/ 1577703 w 4734000"/>
              <a:gd name="connsiteY18" fmla="*/ 4421453 h 4734000"/>
              <a:gd name="connsiteX19" fmla="*/ 1577703 w 4734000"/>
              <a:gd name="connsiteY19" fmla="*/ 3394936 h 4734000"/>
              <a:gd name="connsiteX20" fmla="*/ 1340874 w 4734000"/>
              <a:gd name="connsiteY20" fmla="*/ 3158107 h 4734000"/>
              <a:gd name="connsiteX21" fmla="*/ 314357 w 4734000"/>
              <a:gd name="connsiteY21" fmla="*/ 3158107 h 4734000"/>
              <a:gd name="connsiteX22" fmla="*/ 5001 w 4734000"/>
              <a:gd name="connsiteY22" fmla="*/ 2905974 h 4734000"/>
              <a:gd name="connsiteX23" fmla="*/ 0 w 4734000"/>
              <a:gd name="connsiteY23" fmla="*/ 2856372 h 4734000"/>
              <a:gd name="connsiteX24" fmla="*/ 0 w 4734000"/>
              <a:gd name="connsiteY24" fmla="*/ 1880853 h 4734000"/>
              <a:gd name="connsiteX25" fmla="*/ 5001 w 4734000"/>
              <a:gd name="connsiteY25" fmla="*/ 1831251 h 4734000"/>
              <a:gd name="connsiteX26" fmla="*/ 314357 w 4734000"/>
              <a:gd name="connsiteY26" fmla="*/ 1579118 h 4734000"/>
              <a:gd name="connsiteX27" fmla="*/ 1341003 w 4734000"/>
              <a:gd name="connsiteY27" fmla="*/ 1579118 h 4734000"/>
              <a:gd name="connsiteX28" fmla="*/ 1577832 w 4734000"/>
              <a:gd name="connsiteY28" fmla="*/ 1342289 h 4734000"/>
              <a:gd name="connsiteX29" fmla="*/ 1577832 w 4734000"/>
              <a:gd name="connsiteY29" fmla="*/ 315772 h 4734000"/>
              <a:gd name="connsiteX30" fmla="*/ 1893604 w 4734000"/>
              <a:gd name="connsiteY30" fmla="*/ 0 h 473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4734000" h="4734000">
                <a:moveTo>
                  <a:pt x="1893604" y="0"/>
                </a:moveTo>
                <a:lnTo>
                  <a:pt x="2841049" y="0"/>
                </a:lnTo>
                <a:cubicBezTo>
                  <a:pt x="3015446" y="0"/>
                  <a:pt x="3156821" y="141375"/>
                  <a:pt x="3156821" y="315772"/>
                </a:cubicBezTo>
                <a:lnTo>
                  <a:pt x="3156821" y="1342547"/>
                </a:lnTo>
                <a:cubicBezTo>
                  <a:pt x="3156821" y="1473345"/>
                  <a:pt x="3262852" y="1579376"/>
                  <a:pt x="3393650" y="1579376"/>
                </a:cubicBezTo>
                <a:lnTo>
                  <a:pt x="4420167" y="1579376"/>
                </a:lnTo>
                <a:cubicBezTo>
                  <a:pt x="4572764" y="1579376"/>
                  <a:pt x="4700079" y="1687616"/>
                  <a:pt x="4729524" y="1831509"/>
                </a:cubicBezTo>
                <a:lnTo>
                  <a:pt x="4734000" y="1875914"/>
                </a:lnTo>
                <a:lnTo>
                  <a:pt x="4734000" y="2861827"/>
                </a:lnTo>
                <a:lnTo>
                  <a:pt x="4729524" y="2906232"/>
                </a:lnTo>
                <a:cubicBezTo>
                  <a:pt x="4700079" y="3050125"/>
                  <a:pt x="4572764" y="3158365"/>
                  <a:pt x="4420167" y="3158365"/>
                </a:cubicBezTo>
                <a:lnTo>
                  <a:pt x="3393650" y="3158365"/>
                </a:lnTo>
                <a:cubicBezTo>
                  <a:pt x="3262852" y="3158365"/>
                  <a:pt x="3156821" y="3264396"/>
                  <a:pt x="3156821" y="3395194"/>
                </a:cubicBezTo>
                <a:lnTo>
                  <a:pt x="3156821" y="4421711"/>
                </a:lnTo>
                <a:cubicBezTo>
                  <a:pt x="3156821" y="4574309"/>
                  <a:pt x="3048581" y="4701624"/>
                  <a:pt x="2904688" y="4731068"/>
                </a:cubicBezTo>
                <a:lnTo>
                  <a:pt x="2875601" y="4734000"/>
                </a:lnTo>
                <a:lnTo>
                  <a:pt x="1861483" y="4734000"/>
                </a:lnTo>
                <a:lnTo>
                  <a:pt x="1829836" y="4730810"/>
                </a:lnTo>
                <a:cubicBezTo>
                  <a:pt x="1685944" y="4701366"/>
                  <a:pt x="1577703" y="4574051"/>
                  <a:pt x="1577703" y="4421453"/>
                </a:cubicBezTo>
                <a:lnTo>
                  <a:pt x="1577703" y="3394936"/>
                </a:lnTo>
                <a:cubicBezTo>
                  <a:pt x="1577703" y="3264138"/>
                  <a:pt x="1471672" y="3158107"/>
                  <a:pt x="1340874" y="3158107"/>
                </a:cubicBezTo>
                <a:lnTo>
                  <a:pt x="314357" y="3158107"/>
                </a:lnTo>
                <a:cubicBezTo>
                  <a:pt x="161760" y="3158107"/>
                  <a:pt x="34445" y="3049867"/>
                  <a:pt x="5001" y="2905974"/>
                </a:cubicBezTo>
                <a:lnTo>
                  <a:pt x="0" y="2856372"/>
                </a:lnTo>
                <a:lnTo>
                  <a:pt x="0" y="1880853"/>
                </a:lnTo>
                <a:lnTo>
                  <a:pt x="5001" y="1831251"/>
                </a:lnTo>
                <a:cubicBezTo>
                  <a:pt x="34445" y="1687358"/>
                  <a:pt x="161760" y="1579118"/>
                  <a:pt x="314357" y="1579118"/>
                </a:cubicBezTo>
                <a:lnTo>
                  <a:pt x="1341003" y="1579118"/>
                </a:lnTo>
                <a:cubicBezTo>
                  <a:pt x="1471801" y="1579118"/>
                  <a:pt x="1577832" y="1473087"/>
                  <a:pt x="1577832" y="1342289"/>
                </a:cubicBezTo>
                <a:lnTo>
                  <a:pt x="1577832" y="315772"/>
                </a:lnTo>
                <a:cubicBezTo>
                  <a:pt x="1577832" y="141375"/>
                  <a:pt x="1719207" y="0"/>
                  <a:pt x="1893604" y="0"/>
                </a:cubicBezTo>
                <a:close/>
              </a:path>
            </a:pathLst>
          </a:custGeom>
          <a:solidFill>
            <a:srgbClr val="BFBFBF"/>
          </a:solidFill>
        </p:spPr>
        <p:txBody>
          <a:bodyPr wrap="square" tIns="576000" anchor="ctr" anchorCtr="0">
            <a:noAutofit/>
          </a:bodyPr>
          <a:lstStyle>
            <a:lvl1pPr marL="0" indent="0" algn="ctr">
              <a:buNone/>
              <a:defRPr sz="1600">
                <a:solidFill>
                  <a:schemeClr val="bg1"/>
                </a:solidFill>
              </a:defRPr>
            </a:lvl1pPr>
          </a:lstStyle>
          <a:p>
            <a:r>
              <a:rPr lang="en-US" dirty="0"/>
              <a:t>Click icon to add picture</a:t>
            </a:r>
            <a:endParaRPr lang="en-US" dirty="0"/>
          </a:p>
        </p:txBody>
      </p:sp>
      <p:sp>
        <p:nvSpPr>
          <p:cNvPr id="12" name="Text Placeholder 2"/>
          <p:cNvSpPr>
            <a:spLocks noGrp="1"/>
          </p:cNvSpPr>
          <p:nvPr userDrawn="1">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noProof="0" dirty="0"/>
          </a:p>
        </p:txBody>
      </p:sp>
      <p:sp>
        <p:nvSpPr>
          <p:cNvPr id="4" name="Legal dynamic" descr="{&quot;templafy&quot;:{&quot;id&quot;:&quot;fb992dbe-979c-4858-acda-e72c1d8e2552&quot;}}" title="Form.Cigna_Confidentiality.EvernorthConfidentiality"/>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02F3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5" name="Internal Stamp dynamic" descr="{&quot;templafy&quot;:{&quot;id&quot;:&quot;64ce22b7-3efc-4d4f-a6a6-e4255d670d93&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6020202030204" pitchFamily="34" charset="0"/>
              <a:ea typeface="+mn-ea"/>
              <a:cs typeface="+mn-cs"/>
            </a:endParaRPr>
          </a:p>
        </p:txBody>
      </p:sp>
      <p:pic>
        <p:nvPicPr>
          <p:cNvPr id="1309533018" name="Dynamic logo hypermint" descr="{&quot;templafy&quot;:{&quot;id&quot;:&quot;fc41f26c-2133-436c-989c-6bec1c8769a5&quot;}}"/>
          <p:cNvPicPr>
            <a:picLocks noChangeAspect="1"/>
          </p:cNvPicPr>
          <p:nvPr/>
        </p:nvPicPr>
        <p:blipFill>
          <a:blip r:embed="rId2"/>
          <a:stretch>
            <a:fillRect/>
          </a:stretch>
        </p:blipFill>
        <p:spPr>
          <a:xfrm>
            <a:off x="346677" y="5882400"/>
            <a:ext cx="2145600" cy="756000"/>
          </a:xfrm>
          <a:prstGeom prst="rect">
            <a:avLst/>
          </a:prstGeom>
        </p:spPr>
      </p:pic>
      <p:sp>
        <p:nvSpPr>
          <p:cNvPr id="15" name="Slide Number Placeholder 14"/>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fld>
            <a:endParaRPr lang="en-US" dirty="0"/>
          </a:p>
        </p:txBody>
      </p:sp>
      <p:sp>
        <p:nvSpPr>
          <p:cNvPr id="6" name="Date Placeholder 5"/>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 Cover and Image">
    <p:bg bwMode="ltGray">
      <p:bgPr>
        <a:solidFill>
          <a:schemeClr val="tx1"/>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58824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3" name="Picture Placeholder 6"/>
          <p:cNvSpPr>
            <a:spLocks noGrp="1"/>
          </p:cNvSpPr>
          <p:nvPr>
            <p:ph type="pic" sz="quarter" idx="16"/>
          </p:nvPr>
        </p:nvSpPr>
        <p:spPr>
          <a:xfrm>
            <a:off x="5690403" y="2"/>
            <a:ext cx="6501219" cy="5882398"/>
          </a:xfrm>
          <a:custGeom>
            <a:avLst/>
            <a:gdLst>
              <a:gd name="connsiteX0" fmla="*/ 4452578 w 6501219"/>
              <a:gd name="connsiteY0" fmla="*/ 0 h 5882398"/>
              <a:gd name="connsiteX1" fmla="*/ 6501219 w 6501219"/>
              <a:gd name="connsiteY1" fmla="*/ 0 h 5882398"/>
              <a:gd name="connsiteX2" fmla="*/ 6501219 w 6501219"/>
              <a:gd name="connsiteY2" fmla="*/ 5882398 h 5882398"/>
              <a:gd name="connsiteX3" fmla="*/ 0 w 6501219"/>
              <a:gd name="connsiteY3" fmla="*/ 5882398 h 5882398"/>
              <a:gd name="connsiteX4" fmla="*/ 0 w 6501219"/>
              <a:gd name="connsiteY4" fmla="*/ 4449965 h 5882398"/>
              <a:gd name="connsiteX5" fmla="*/ 3693 w 6501219"/>
              <a:gd name="connsiteY5" fmla="*/ 4376844 h 5882398"/>
              <a:gd name="connsiteX6" fmla="*/ 742025 w 6501219"/>
              <a:gd name="connsiteY6" fmla="*/ 3710572 h 5882398"/>
              <a:gd name="connsiteX7" fmla="*/ 3153904 w 6501219"/>
              <a:gd name="connsiteY7" fmla="*/ 3710572 h 5882398"/>
              <a:gd name="connsiteX8" fmla="*/ 3710432 w 6501219"/>
              <a:gd name="connsiteY8" fmla="*/ 3154043 h 5882398"/>
              <a:gd name="connsiteX9" fmla="*/ 3710432 w 6501219"/>
              <a:gd name="connsiteY9" fmla="*/ 742164 h 5882398"/>
              <a:gd name="connsiteX10" fmla="*/ 4376726 w 6501219"/>
              <a:gd name="connsiteY10" fmla="*/ 3830 h 58823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501219" h="5882398">
                <a:moveTo>
                  <a:pt x="4452578" y="0"/>
                </a:moveTo>
                <a:lnTo>
                  <a:pt x="6501219" y="0"/>
                </a:lnTo>
                <a:lnTo>
                  <a:pt x="6501219" y="5882398"/>
                </a:lnTo>
                <a:lnTo>
                  <a:pt x="0" y="5882398"/>
                </a:lnTo>
                <a:lnTo>
                  <a:pt x="0" y="4449965"/>
                </a:lnTo>
                <a:lnTo>
                  <a:pt x="3693" y="4376844"/>
                </a:lnTo>
                <a:cubicBezTo>
                  <a:pt x="41705" y="4002555"/>
                  <a:pt x="357813" y="3710572"/>
                  <a:pt x="742025" y="3710572"/>
                </a:cubicBezTo>
                <a:lnTo>
                  <a:pt x="3153904" y="3710572"/>
                </a:lnTo>
                <a:cubicBezTo>
                  <a:pt x="3461178" y="3710572"/>
                  <a:pt x="3710432" y="3461444"/>
                  <a:pt x="3710432" y="3154043"/>
                </a:cubicBezTo>
                <a:lnTo>
                  <a:pt x="3710432" y="742164"/>
                </a:lnTo>
                <a:cubicBezTo>
                  <a:pt x="3710432" y="357833"/>
                  <a:pt x="4002528" y="41829"/>
                  <a:pt x="4376726" y="3830"/>
                </a:cubicBezTo>
                <a:close/>
              </a:path>
            </a:pathLst>
          </a:custGeom>
          <a:solidFill>
            <a:schemeClr val="tx1">
              <a:lumMod val="85000"/>
            </a:schemeClr>
          </a:solidFill>
        </p:spPr>
        <p:txBody>
          <a:bodyPr wrap="square" lIns="3060000" anchor="ctr" anchorCtr="0">
            <a:noAutofit/>
          </a:bodyPr>
          <a:lstStyle>
            <a:lvl1pPr marL="0" indent="0" algn="ctr">
              <a:buNone/>
              <a:defRPr>
                <a:solidFill>
                  <a:schemeClr val="bg1"/>
                </a:solidFill>
              </a:defRPr>
            </a:lvl1pPr>
          </a:lstStyle>
          <a:p>
            <a:r>
              <a:rPr lang="en-US" dirty="0"/>
              <a:t>Click icon to add picture</a:t>
            </a:r>
            <a:endParaRPr lang="en-US" dirty="0"/>
          </a:p>
        </p:txBody>
      </p:sp>
      <p:sp>
        <p:nvSpPr>
          <p:cNvPr id="2" name="Title 1"/>
          <p:cNvSpPr>
            <a:spLocks noGrp="1"/>
          </p:cNvSpPr>
          <p:nvPr>
            <p:ph type="ctrTitle" hasCustomPrompt="1"/>
          </p:nvPr>
        </p:nvSpPr>
        <p:spPr>
          <a:xfrm>
            <a:off x="360000" y="1454400"/>
            <a:ext cx="4854938" cy="1820862"/>
          </a:xfrm>
          <a:noFill/>
        </p:spPr>
        <p:txBody>
          <a:bodyPr anchor="b" anchorCtr="0"/>
          <a:lstStyle>
            <a:lvl1pPr algn="l">
              <a:lnSpc>
                <a:spcPct val="85000"/>
              </a:lnSpc>
              <a:defRPr sz="6000" b="0">
                <a:solidFill>
                  <a:srgbClr val="3EFFC0"/>
                </a:solidFill>
              </a:defRPr>
            </a:lvl1pPr>
          </a:lstStyle>
          <a:p>
            <a:r>
              <a:rPr lang="en-US" dirty="0"/>
              <a:t>Click to add title</a:t>
            </a:r>
            <a:endParaRPr lang="en-US" dirty="0"/>
          </a:p>
        </p:txBody>
      </p:sp>
      <p:sp>
        <p:nvSpPr>
          <p:cNvPr id="11" name="Text Placeholder 4"/>
          <p:cNvSpPr>
            <a:spLocks noGrp="1"/>
          </p:cNvSpPr>
          <p:nvPr>
            <p:ph type="body" sz="quarter" idx="13" hasCustomPrompt="1"/>
          </p:nvPr>
        </p:nvSpPr>
        <p:spPr>
          <a:xfrm>
            <a:off x="360000" y="3654000"/>
            <a:ext cx="4854938" cy="1728000"/>
          </a:xfrm>
        </p:spPr>
        <p:txBody>
          <a:bodyPr/>
          <a:lstStyle>
            <a:lvl1pPr marL="0" indent="0">
              <a:lnSpc>
                <a:spcPct val="105000"/>
              </a:lnSpc>
              <a:buNone/>
              <a:defRPr sz="2200">
                <a:solidFill>
                  <a:schemeClr val="tx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dirty="0"/>
          </a:p>
        </p:txBody>
      </p:sp>
      <p:sp>
        <p:nvSpPr>
          <p:cNvPr id="10" name="Slide Number Placeholder 9"/>
          <p:cNvSpPr>
            <a:spLocks noGrp="1"/>
          </p:cNvSpPr>
          <p:nvPr>
            <p:ph type="sldNum" sz="quarter" idx="15"/>
          </p:nvPr>
        </p:nvSpPr>
        <p:spPr/>
        <p:txBody>
          <a:bodyPr/>
          <a:lstStyle/>
          <a:p>
            <a:fld id="{23AA811B-2EBD-4900-905E-5BE206449611}" type="slidenum">
              <a:rPr lang="en-US" smtClean="0"/>
            </a:fld>
            <a:endParaRPr lang="en-US" dirty="0"/>
          </a:p>
        </p:txBody>
      </p:sp>
      <p:sp>
        <p:nvSpPr>
          <p:cNvPr id="4" name="Date Placeholder 3"/>
          <p:cNvSpPr>
            <a:spLocks noGrp="1"/>
          </p:cNvSpPr>
          <p:nvPr>
            <p:ph type="dt" sz="half" idx="17"/>
          </p:nvPr>
        </p:nvSpPr>
        <p:spPr/>
        <p:txBody>
          <a:body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A. End">
    <p:bg bwMode="ltGray">
      <p:bgPr>
        <a:solidFill>
          <a:schemeClr val="accent3"/>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19" name="Group graphic"/>
          <p:cNvGrpSpPr>
            <a:grpSpLocks noGrp="1" noRot="1" noMove="1" noResize="1" noUngrp="1"/>
          </p:cNvGrpSpPr>
          <p:nvPr userDrawn="1"/>
        </p:nvGrpSpPr>
        <p:grpSpPr bwMode="invGray">
          <a:xfrm>
            <a:off x="6339596" y="0"/>
            <a:ext cx="5852404" cy="6858000"/>
            <a:chOff x="6396158" y="75416"/>
            <a:chExt cx="5852404" cy="6858000"/>
          </a:xfrm>
        </p:grpSpPr>
        <p:sp>
          <p:nvSpPr>
            <p:cNvPr id="20" name="Freeform 76"/>
            <p:cNvSpPr>
              <a:spLocks noGrp="1" noRot="1" noMove="1" noResize="1" noEditPoints="1" noAdjustHandles="1" noChangeArrowheads="1" noChangeShapeType="1"/>
            </p:cNvSpPr>
            <p:nvPr/>
          </p:nvSpPr>
          <p:spPr bwMode="invGray">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solidFill>
              <a:schemeClr val="accent1"/>
            </a:solidFill>
            <a:ln w="0" cap="flat">
              <a:noFill/>
              <a:prstDash val="solid"/>
              <a:miter/>
            </a:ln>
          </p:spPr>
          <p:txBody>
            <a:bodyPr rtlCol="0" anchor="ctr"/>
            <a:lstStyle/>
            <a:p>
              <a:endParaRPr lang="en-US" dirty="0"/>
            </a:p>
          </p:txBody>
        </p:sp>
        <p:sp>
          <p:nvSpPr>
            <p:cNvPr id="21" name="Freeform 21"/>
            <p:cNvSpPr>
              <a:spLocks noGrp="1" noRot="1" noMove="1" noResize="1" noEditPoints="1" noAdjustHandles="1" noChangeArrowheads="1" noChangeShapeType="1"/>
            </p:cNvSpPr>
            <p:nvPr/>
          </p:nvSpPr>
          <p:spPr bwMode="invGray">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solidFill>
              <a:schemeClr val="accent1"/>
            </a:solidFill>
            <a:ln w="0" cap="flat">
              <a:noFill/>
              <a:prstDash val="solid"/>
              <a:miter/>
            </a:ln>
          </p:spPr>
          <p:txBody>
            <a:bodyPr rtlCol="0" anchor="ctr"/>
            <a:lstStyle/>
            <a:p>
              <a:endParaRPr lang="en-US" dirty="0"/>
            </a:p>
          </p:txBody>
        </p:sp>
        <p:sp>
          <p:nvSpPr>
            <p:cNvPr id="22" name="Freeform 23"/>
            <p:cNvSpPr>
              <a:spLocks noGrp="1" noRot="1" noMove="1" noResize="1" noEditPoints="1" noAdjustHandles="1" noChangeArrowheads="1" noChangeShapeType="1"/>
            </p:cNvSpPr>
            <p:nvPr/>
          </p:nvSpPr>
          <p:spPr bwMode="invGray">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solidFill>
              <a:schemeClr val="accent1"/>
            </a:solidFill>
            <a:ln w="0" cap="flat">
              <a:noFill/>
              <a:prstDash val="solid"/>
              <a:miter/>
            </a:ln>
          </p:spPr>
          <p:txBody>
            <a:bodyPr rtlCol="0" anchor="ctr"/>
            <a:lstStyle/>
            <a:p>
              <a:endParaRPr lang="en-US" dirty="0"/>
            </a:p>
          </p:txBody>
        </p:sp>
        <p:sp>
          <p:nvSpPr>
            <p:cNvPr id="23" name="Freeform 61"/>
            <p:cNvSpPr>
              <a:spLocks noGrp="1" noRot="1" noMove="1" noResize="1" noEditPoints="1" noAdjustHandles="1" noChangeArrowheads="1" noChangeShapeType="1"/>
            </p:cNvSpPr>
            <p:nvPr/>
          </p:nvSpPr>
          <p:spPr bwMode="invGray">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solidFill>
              <a:schemeClr val="accent1"/>
            </a:solidFill>
            <a:ln w="0" cap="flat">
              <a:noFill/>
              <a:prstDash val="solid"/>
              <a:miter/>
            </a:ln>
          </p:spPr>
          <p:txBody>
            <a:bodyPr rtlCol="0" anchor="ctr"/>
            <a:lstStyle/>
            <a:p>
              <a:endParaRPr lang="en-US" dirty="0"/>
            </a:p>
          </p:txBody>
        </p:sp>
        <p:sp>
          <p:nvSpPr>
            <p:cNvPr id="24" name="Freeform 56"/>
            <p:cNvSpPr>
              <a:spLocks noGrp="1" noRot="1" noMove="1" noResize="1" noEditPoints="1" noAdjustHandles="1" noChangeArrowheads="1" noChangeShapeType="1"/>
            </p:cNvSpPr>
            <p:nvPr/>
          </p:nvSpPr>
          <p:spPr bwMode="invGray">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solidFill>
              <a:srgbClr val="DAFA87"/>
            </a:solidFill>
            <a:ln w="0" cap="flat">
              <a:noFill/>
              <a:prstDash val="solid"/>
              <a:miter/>
            </a:ln>
          </p:spPr>
          <p:txBody>
            <a:bodyPr rtlCol="0" anchor="ctr"/>
            <a:lstStyle/>
            <a:p>
              <a:endParaRPr lang="en-US" dirty="0"/>
            </a:p>
          </p:txBody>
        </p:sp>
        <p:sp>
          <p:nvSpPr>
            <p:cNvPr id="25" name="Freeform 67"/>
            <p:cNvSpPr>
              <a:spLocks noGrp="1" noRot="1" noMove="1" noResize="1" noEditPoints="1" noAdjustHandles="1" noChangeArrowheads="1" noChangeShapeType="1"/>
            </p:cNvSpPr>
            <p:nvPr userDrawn="1"/>
          </p:nvSpPr>
          <p:spPr bwMode="invGray">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6" name="Freeform 65"/>
            <p:cNvSpPr>
              <a:spLocks noGrp="1" noRot="1" noMove="1" noResize="1" noEditPoints="1" noAdjustHandles="1" noChangeArrowheads="1" noChangeShapeType="1"/>
            </p:cNvSpPr>
            <p:nvPr userDrawn="1"/>
          </p:nvSpPr>
          <p:spPr bwMode="invGray">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2" name="Title 1"/>
          <p:cNvSpPr>
            <a:spLocks noGrp="1"/>
          </p:cNvSpPr>
          <p:nvPr>
            <p:ph type="ctrTitle" hasCustomPrompt="1"/>
          </p:nvPr>
        </p:nvSpPr>
        <p:spPr>
          <a:xfrm>
            <a:off x="360000" y="2859428"/>
            <a:ext cx="5647100" cy="1008000"/>
          </a:xfrm>
          <a:noFill/>
        </p:spPr>
        <p:txBody>
          <a:bodyPr anchor="ctr" anchorCtr="0"/>
          <a:lstStyle>
            <a:lvl1pPr algn="l">
              <a:lnSpc>
                <a:spcPct val="95000"/>
              </a:lnSpc>
              <a:defRPr sz="6200" b="0">
                <a:solidFill>
                  <a:schemeClr val="accent1"/>
                </a:solidFill>
              </a:defRPr>
            </a:lvl1pPr>
          </a:lstStyle>
          <a:p>
            <a:r>
              <a:rPr lang="en-US" dirty="0"/>
              <a:t>Add Thank you</a:t>
            </a:r>
            <a:endParaRPr lang="en-US" dirty="0"/>
          </a:p>
        </p:txBody>
      </p:sp>
      <p:sp>
        <p:nvSpPr>
          <p:cNvPr id="13" name="Slide Number Placeholder 12"/>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15" name="Legal dynamic" descr="{&quot;templafy&quot;:{&quot;id&quot;:&quot;1d34598a-da83-4f89-b4ed-3c503a0b7c53&quot;}}" title="Form.Cigna_Confidentiality.EvernorthConfidentiality"/>
          <p:cNvSpPr/>
          <p:nvPr userDrawn="1"/>
        </p:nvSpPr>
        <p:spPr>
          <a:xfrm>
            <a:off x="5743575" y="5066753"/>
            <a:ext cx="4610026" cy="1481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All Evernorth Health Services products and services are provided exclusively by or through affiliates of the Evernorth companies, including Evernorth Care Solutions, Inc., Evernorth Behavioral Health, Inc., Evernorth Behavioral Health of Texas, Inc. and Evernorth Behavioral  Health of California, Inc. Some content provided under license. 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12" name="Internal Stamp dynamic" descr="{&quot;templafy&quot;:{&quot;id&quot;:&quot;967d03e0-59d7-4d1f-9b10-41116a6a8e87&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781360590" name="Dynamic logo hypermint" descr="{&quot;templafy&quot;:{&quot;id&quot;:&quot;5bf1f614-91fa-4404-a775-64090e12c115&quot;}}"/>
          <p:cNvPicPr>
            <a:picLocks noChangeAspect="1"/>
          </p:cNvPicPr>
          <p:nvPr/>
        </p:nvPicPr>
        <p:blipFill>
          <a:blip r:embed="rId2"/>
          <a:stretch>
            <a:fillRect/>
          </a:stretch>
        </p:blipFill>
        <p:spPr>
          <a:xfrm>
            <a:off x="346677" y="5882400"/>
            <a:ext cx="2145600" cy="756000"/>
          </a:xfrm>
          <a:prstGeom prst="rect">
            <a:avLst/>
          </a:prstGeom>
        </p:spPr>
      </p:pic>
      <p:sp>
        <p:nvSpPr>
          <p:cNvPr id="3" name="Date Placeholder 5"/>
          <p:cNvSpPr>
            <a:spLocks noGrp="1"/>
          </p:cNvSpPr>
          <p:nvPr>
            <p:ph type="dt" sz="half" idx="17"/>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B. End">
    <p:bg bwMode="ltGray">
      <p:bgPr>
        <a:solidFill>
          <a:schemeClr val="bg2"/>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3" name="Group graphic"/>
          <p:cNvGrpSpPr>
            <a:grpSpLocks noGrp="1" noRot="1" noMove="1" noResize="1" noUngrp="1"/>
          </p:cNvGrpSpPr>
          <p:nvPr userDrawn="1"/>
        </p:nvGrpSpPr>
        <p:grpSpPr>
          <a:xfrm>
            <a:off x="6339596" y="0"/>
            <a:ext cx="5852404" cy="6858000"/>
            <a:chOff x="6396158" y="75416"/>
            <a:chExt cx="5852404" cy="6858000"/>
          </a:xfrm>
          <a:solidFill>
            <a:schemeClr val="accent2"/>
          </a:solidFill>
        </p:grpSpPr>
        <p:sp>
          <p:nvSpPr>
            <p:cNvPr id="8" name="Freeform 76"/>
            <p:cNvSpPr>
              <a:spLocks noGrp="1" noRot="1" noMove="1" noResize="1" noEditPoints="1" noAdjustHandles="1" noChangeArrowheads="1" noChangeShapeType="1"/>
            </p:cNvSpPr>
            <p:nvPr/>
          </p:nvSpPr>
          <p:spPr>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grpFill/>
            <a:ln w="0" cap="flat">
              <a:noFill/>
              <a:prstDash val="solid"/>
              <a:miter/>
            </a:ln>
          </p:spPr>
          <p:txBody>
            <a:bodyPr rtlCol="0" anchor="ctr"/>
            <a:lstStyle/>
            <a:p>
              <a:endParaRPr lang="en-US" dirty="0"/>
            </a:p>
          </p:txBody>
        </p:sp>
        <p:sp>
          <p:nvSpPr>
            <p:cNvPr id="12" name="Freeform 21"/>
            <p:cNvSpPr>
              <a:spLocks noGrp="1" noRot="1" noMove="1" noResize="1" noEditPoints="1" noAdjustHandles="1" noChangeArrowheads="1" noChangeShapeType="1"/>
            </p:cNvSpPr>
            <p:nvPr/>
          </p:nvSpPr>
          <p:spPr>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grpFill/>
            <a:ln w="0" cap="flat">
              <a:noFill/>
              <a:prstDash val="solid"/>
              <a:miter/>
            </a:ln>
          </p:spPr>
          <p:txBody>
            <a:bodyPr rtlCol="0" anchor="ctr"/>
            <a:lstStyle/>
            <a:p>
              <a:endParaRPr lang="en-US" dirty="0"/>
            </a:p>
          </p:txBody>
        </p:sp>
        <p:sp>
          <p:nvSpPr>
            <p:cNvPr id="14" name="Freeform 23"/>
            <p:cNvSpPr>
              <a:spLocks noGrp="1" noRot="1" noMove="1" noResize="1" noEditPoints="1" noAdjustHandles="1" noChangeArrowheads="1" noChangeShapeType="1"/>
            </p:cNvSpPr>
            <p:nvPr/>
          </p:nvSpPr>
          <p:spPr>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grpFill/>
            <a:ln w="0" cap="flat">
              <a:noFill/>
              <a:prstDash val="solid"/>
              <a:miter/>
            </a:ln>
          </p:spPr>
          <p:txBody>
            <a:bodyPr rtlCol="0" anchor="ctr"/>
            <a:lstStyle/>
            <a:p>
              <a:endParaRPr lang="en-US" dirty="0"/>
            </a:p>
          </p:txBody>
        </p:sp>
        <p:sp>
          <p:nvSpPr>
            <p:cNvPr id="15" name="Freeform 61"/>
            <p:cNvSpPr>
              <a:spLocks noGrp="1" noRot="1" noMove="1" noResize="1" noEditPoints="1" noAdjustHandles="1" noChangeArrowheads="1" noChangeShapeType="1"/>
            </p:cNvSpPr>
            <p:nvPr/>
          </p:nvSpPr>
          <p:spPr>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grpFill/>
            <a:ln w="0" cap="flat">
              <a:noFill/>
              <a:prstDash val="solid"/>
              <a:miter/>
            </a:ln>
          </p:spPr>
          <p:txBody>
            <a:bodyPr rtlCol="0" anchor="ctr"/>
            <a:lstStyle/>
            <a:p>
              <a:endParaRPr lang="en-US" dirty="0"/>
            </a:p>
          </p:txBody>
        </p:sp>
        <p:sp>
          <p:nvSpPr>
            <p:cNvPr id="16" name="Freeform 56"/>
            <p:cNvSpPr>
              <a:spLocks noGrp="1" noRot="1" noMove="1" noResize="1" noEditPoints="1" noAdjustHandles="1" noChangeArrowheads="1" noChangeShapeType="1"/>
            </p:cNvSpPr>
            <p:nvPr/>
          </p:nvSpPr>
          <p:spPr>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solidFill>
              <a:srgbClr val="008F83"/>
            </a:solidFill>
            <a:ln w="0" cap="flat">
              <a:noFill/>
              <a:prstDash val="solid"/>
              <a:miter/>
            </a:ln>
          </p:spPr>
          <p:txBody>
            <a:bodyPr rtlCol="0" anchor="ctr"/>
            <a:lstStyle/>
            <a:p>
              <a:endParaRPr lang="en-US" dirty="0"/>
            </a:p>
          </p:txBody>
        </p:sp>
        <p:sp>
          <p:nvSpPr>
            <p:cNvPr id="17" name="Freeform 67"/>
            <p:cNvSpPr>
              <a:spLocks noGrp="1" noRot="1" noMove="1" noResize="1" noEditPoints="1" noAdjustHandles="1" noChangeArrowheads="1" noChangeShapeType="1"/>
            </p:cNvSpPr>
            <p:nvPr userDrawn="1"/>
          </p:nvSpPr>
          <p:spPr>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8" name="Freeform 65"/>
            <p:cNvSpPr>
              <a:spLocks noGrp="1" noRot="1" noMove="1" noResize="1" noEditPoints="1" noAdjustHandles="1" noChangeArrowheads="1" noChangeShapeType="1"/>
            </p:cNvSpPr>
            <p:nvPr userDrawn="1"/>
          </p:nvSpPr>
          <p:spPr>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9" name="Title 1"/>
          <p:cNvSpPr>
            <a:spLocks noGrp="1"/>
          </p:cNvSpPr>
          <p:nvPr>
            <p:ph type="ctrTitle" hasCustomPrompt="1"/>
          </p:nvPr>
        </p:nvSpPr>
        <p:spPr>
          <a:xfrm>
            <a:off x="360000" y="2859428"/>
            <a:ext cx="5647100" cy="1008000"/>
          </a:xfrm>
          <a:noFill/>
        </p:spPr>
        <p:txBody>
          <a:bodyPr anchor="ctr" anchorCtr="0"/>
          <a:lstStyle>
            <a:lvl1pPr algn="l">
              <a:lnSpc>
                <a:spcPct val="95000"/>
              </a:lnSpc>
              <a:defRPr sz="6200" b="0">
                <a:solidFill>
                  <a:srgbClr val="035C67"/>
                </a:solidFill>
              </a:defRPr>
            </a:lvl1pPr>
          </a:lstStyle>
          <a:p>
            <a:r>
              <a:rPr lang="en-US" dirty="0"/>
              <a:t>Add Thank you</a:t>
            </a:r>
            <a:endParaRPr lang="en-US" dirty="0"/>
          </a:p>
        </p:txBody>
      </p:sp>
      <p:sp>
        <p:nvSpPr>
          <p:cNvPr id="13" name="Slide Number Placeholder 12"/>
          <p:cNvSpPr>
            <a:spLocks noGrp="1"/>
          </p:cNvSpPr>
          <p:nvPr>
            <p:ph type="sldNum" sz="quarter" idx="16"/>
          </p:nvPr>
        </p:nvSpPr>
        <p:spPr/>
        <p:txBody>
          <a:bodyPr/>
          <a:lstStyle>
            <a:lvl1pPr>
              <a:defRPr>
                <a:solidFill>
                  <a:srgbClr val="035C67"/>
                </a:solidFill>
              </a:defRPr>
            </a:lvl1pPr>
          </a:lstStyle>
          <a:p>
            <a:fld id="{23AA811B-2EBD-4900-905E-5BE206449611}" type="slidenum">
              <a:rPr lang="en-US" smtClean="0"/>
            </a:fld>
            <a:endParaRPr lang="en-US" dirty="0"/>
          </a:p>
        </p:txBody>
      </p:sp>
      <p:pic>
        <p:nvPicPr>
          <p:cNvPr id="1141526215" name="Dynamic logo dark mint" descr="{&quot;templafy&quot;:{&quot;id&quot;:&quot;31692450-4f35-4100-a702-0b1bbfba7448&quot;}}"/>
          <p:cNvPicPr>
            <a:picLocks noChangeAspect="1"/>
          </p:cNvPicPr>
          <p:nvPr/>
        </p:nvPicPr>
        <p:blipFill>
          <a:blip r:embed="rId2"/>
          <a:stretch>
            <a:fillRect/>
          </a:stretch>
        </p:blipFill>
        <p:spPr>
          <a:xfrm>
            <a:off x="346677" y="5882400"/>
            <a:ext cx="2145600" cy="756000"/>
          </a:xfrm>
          <a:prstGeom prst="rect">
            <a:avLst/>
          </a:prstGeom>
        </p:spPr>
      </p:pic>
      <p:sp>
        <p:nvSpPr>
          <p:cNvPr id="22" name="Legal dynamic" descr="{&quot;templafy&quot;:{&quot;id&quot;:&quot;d74ff434-f2ba-4dc9-b3a9-2fa9acf9fa02&quot;}}" title="Form.Cigna_Confidentiality.EvernorthConfidentiality"/>
          <p:cNvSpPr/>
          <p:nvPr userDrawn="1"/>
        </p:nvSpPr>
        <p:spPr>
          <a:xfrm>
            <a:off x="5743575" y="5066753"/>
            <a:ext cx="4610026" cy="1481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All Evernorth Health Services products and services are provided exclusively by or through affiliates of the Evernorth companies, including Evernorth Care Solutions, Inc., Evernorth Behavioral Health, Inc., Evernorth Behavioral Health of Texas, Inc. and Evernorth Behavioral  Health of California, Inc. Some content provided under license. 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23" name="Internal Stamp dynamic" descr="{&quot;templafy&quot;:{&quot;id&quot;:&quot;b18a1691-56d0-4e59-8f61-71e14bc35449&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sp>
        <p:nvSpPr>
          <p:cNvPr id="2" name="Date Placeholder 1"/>
          <p:cNvSpPr>
            <a:spLocks noGrp="1"/>
          </p:cNvSpPr>
          <p:nvPr>
            <p:ph type="dt" sz="half" idx="17"/>
          </p:nvPr>
        </p:nvSpPr>
        <p:spPr/>
        <p:txBody>
          <a:bodyPr/>
          <a:lstStyle/>
          <a:p>
            <a:fld id="{B118041E-2DAD-480C-AEE4-E661A097CFE4}" type="datetime1">
              <a:rPr lang="en-US" smtClean="0"/>
            </a:fld>
            <a:endParaRPr lang="en-US" dirty="0"/>
          </a:p>
        </p:txBody>
      </p:sp>
    </p:spTree>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C. End ">
    <p:bg bwMode="ltGray">
      <p:bgPr>
        <a:solidFill>
          <a:schemeClr val="accent3"/>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15" name="Graphic 14"/>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0" y="0"/>
            <a:ext cx="12192000" cy="6858000"/>
          </a:xfrm>
          <a:prstGeom prst="rect">
            <a:avLst/>
          </a:prstGeom>
        </p:spPr>
      </p:pic>
      <p:sp>
        <p:nvSpPr>
          <p:cNvPr id="2" name="Title 1"/>
          <p:cNvSpPr>
            <a:spLocks noGrp="1"/>
          </p:cNvSpPr>
          <p:nvPr>
            <p:ph type="ctrTitle" hasCustomPrompt="1"/>
          </p:nvPr>
        </p:nvSpPr>
        <p:spPr bwMode="white">
          <a:xfrm>
            <a:off x="3898200" y="2929075"/>
            <a:ext cx="4395600" cy="900000"/>
          </a:xfrm>
          <a:noFill/>
        </p:spPr>
        <p:txBody>
          <a:bodyPr anchor="ctr" anchorCtr="0"/>
          <a:lstStyle>
            <a:lvl1pPr algn="ctr">
              <a:lnSpc>
                <a:spcPct val="95000"/>
              </a:lnSpc>
              <a:defRPr sz="5000" b="0">
                <a:solidFill>
                  <a:schemeClr val="accent1"/>
                </a:solidFill>
              </a:defRPr>
            </a:lvl1pPr>
          </a:lstStyle>
          <a:p>
            <a:r>
              <a:rPr lang="en-US" dirty="0"/>
              <a:t>Add Thank you</a:t>
            </a:r>
            <a:endParaRPr lang="en-US" dirty="0"/>
          </a:p>
        </p:txBody>
      </p:sp>
      <p:sp>
        <p:nvSpPr>
          <p:cNvPr id="3" name="Legal dynamic" descr="{&quot;templafy&quot;:{&quot;id&quot;:&quot;c021a9f7-bb74-4ac7-8667-ac0f7ee9b206&quot;}}" title="Form.Cigna_Confidentiality.EvernorthConfidentiality"/>
          <p:cNvSpPr/>
          <p:nvPr userDrawn="1"/>
        </p:nvSpPr>
        <p:spPr>
          <a:xfrm>
            <a:off x="5739319" y="5066753"/>
            <a:ext cx="4614282" cy="1481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All Evernorth Health Services products and services are provided exclusively by or through affiliates of the Evernorth companies, including Evernorth Care Solutions, Inc., Evernorth Behavioral Health, Inc., Evernorth Behavioral Health of Texas, Inc. and Evernorth Behavioral  Health of California, Inc. Some content provided under license. 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7" name="Internal Stamp dynamic" descr="{&quot;templafy&quot;:{&quot;id&quot;:&quot;411b2e7e-8875-442a-ab34-fc353c271c51&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pic>
        <p:nvPicPr>
          <p:cNvPr id="1674796871" name="Dynamic logo hypermint" descr="{&quot;templafy&quot;:{&quot;id&quot;:&quot;aefc1137-f3ae-42f7-b350-7f075a40bce2&quot;}}"/>
          <p:cNvPicPr>
            <a:picLocks noChangeAspect="1"/>
          </p:cNvPicPr>
          <p:nvPr/>
        </p:nvPicPr>
        <p:blipFill>
          <a:blip r:embed="rId4"/>
          <a:stretch>
            <a:fillRect/>
          </a:stretch>
        </p:blipFill>
        <p:spPr>
          <a:xfrm>
            <a:off x="346677" y="5882400"/>
            <a:ext cx="2145600" cy="756000"/>
          </a:xfrm>
          <a:prstGeom prst="rect">
            <a:avLst/>
          </a:prstGeom>
        </p:spPr>
      </p:pic>
      <p:sp>
        <p:nvSpPr>
          <p:cNvPr id="13" name="Slide Number Placeholder 12"/>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4" name="Date Placeholder 5"/>
          <p:cNvSpPr>
            <a:spLocks noGrp="1"/>
          </p:cNvSpPr>
          <p:nvPr>
            <p:ph type="dt" sz="half" idx="17"/>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D. End">
    <p:bg bwMode="ltGray">
      <p:bgPr>
        <a:solidFill>
          <a:schemeClr val="accent6"/>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bwMode="white">
          <a:xfrm>
            <a:off x="3898200" y="2930400"/>
            <a:ext cx="4395600" cy="900000"/>
          </a:xfrm>
          <a:noFill/>
        </p:spPr>
        <p:txBody>
          <a:bodyPr anchor="ctr" anchorCtr="0"/>
          <a:lstStyle>
            <a:lvl1pPr algn="ctr">
              <a:lnSpc>
                <a:spcPct val="95000"/>
              </a:lnSpc>
              <a:defRPr sz="5000" b="0">
                <a:solidFill>
                  <a:schemeClr val="accent3"/>
                </a:solidFill>
              </a:defRPr>
            </a:lvl1pPr>
          </a:lstStyle>
          <a:p>
            <a:r>
              <a:rPr lang="en-US" dirty="0"/>
              <a:t>Add Thank you</a:t>
            </a:r>
            <a:endParaRPr lang="en-US" dirty="0"/>
          </a:p>
        </p:txBody>
      </p:sp>
      <p:pic>
        <p:nvPicPr>
          <p:cNvPr id="1736414953" name="Dynamic logo dark mint" descr="{&quot;templafy&quot;:{&quot;id&quot;:&quot;18cf8e60-e6f4-4b6c-a11a-29695bfa89f5&quot;}}"/>
          <p:cNvPicPr>
            <a:picLocks noChangeAspect="1"/>
          </p:cNvPicPr>
          <p:nvPr/>
        </p:nvPicPr>
        <p:blipFill>
          <a:blip r:embed="rId2"/>
          <a:stretch>
            <a:fillRect/>
          </a:stretch>
        </p:blipFill>
        <p:spPr>
          <a:xfrm>
            <a:off x="346677" y="5882400"/>
            <a:ext cx="2145600" cy="756000"/>
          </a:xfrm>
          <a:prstGeom prst="rect">
            <a:avLst/>
          </a:prstGeom>
        </p:spPr>
      </p:pic>
      <p:sp>
        <p:nvSpPr>
          <p:cNvPr id="8" name="Legal dynamic" descr="{&quot;templafy&quot;:{&quot;id&quot;:&quot;e1495369-e93f-42d7-bf5b-8dd9fca565b4&quot;}}" title="Form.Cigna_Confidentiality.EvernorthConfidentiality"/>
          <p:cNvSpPr/>
          <p:nvPr userDrawn="1"/>
        </p:nvSpPr>
        <p:spPr>
          <a:xfrm>
            <a:off x="5743574" y="5066753"/>
            <a:ext cx="4610027" cy="1481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All Evernorth Health Services products and services are provided exclusively by or through affiliates of the Evernorth companies, including Evernorth Care Solutions, Inc., Evernorth Behavioral Health, Inc., Evernorth Behavioral Health of Texas, Inc. and Evernorth Behavioral  Health of California, Inc. Some content provided under license. 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9" name="Internal Stamp dynamic" descr="{&quot;templafy&quot;:{&quot;id&quot;:&quot;1de811ba-9e71-49e7-ac6e-813641db7634&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sp>
        <p:nvSpPr>
          <p:cNvPr id="13" name="Slide Number Placeholder 12"/>
          <p:cNvSpPr>
            <a:spLocks noGrp="1"/>
          </p:cNvSpPr>
          <p:nvPr>
            <p:ph type="sldNum" sz="quarter" idx="16"/>
          </p:nvPr>
        </p:nvSpPr>
        <p:spPr/>
        <p:txBody>
          <a:bodyPr/>
          <a:lstStyle>
            <a:lvl1pPr>
              <a:defRPr>
                <a:solidFill>
                  <a:schemeClr val="accent3"/>
                </a:solidFill>
              </a:defRPr>
            </a:lvl1pPr>
          </a:lstStyle>
          <a:p>
            <a:fld id="{23AA811B-2EBD-4900-905E-5BE206449611}" type="slidenum">
              <a:rPr lang="en-US" smtClean="0"/>
            </a:fld>
            <a:endParaRPr lang="en-US" dirty="0"/>
          </a:p>
        </p:txBody>
      </p:sp>
      <p:pic>
        <p:nvPicPr>
          <p:cNvPr id="4" name="Graphic 3"/>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Date Placeholder 6"/>
          <p:cNvSpPr>
            <a:spLocks noGrp="1"/>
          </p:cNvSpPr>
          <p:nvPr>
            <p:ph type="dt" sz="half" idx="17"/>
          </p:nvPr>
        </p:nvSpPr>
        <p:spPr/>
        <p:txBody>
          <a:bodyPr/>
          <a:lstStyle/>
          <a:p>
            <a:fld id="{B118041E-2DAD-480C-AEE4-E661A097CFE4}" type="datetime1">
              <a:rPr lang="en-US" smtClean="0"/>
            </a:fld>
            <a:endParaRPr lang="en-US" dirty="0"/>
          </a:p>
        </p:txBody>
      </p:sp>
    </p:spTree>
  </p:cSld>
  <p:clrMapOvr>
    <a:overrideClrMapping bg1="lt1" tx1="dk1" bg2="lt2" tx2="dk2" accent1="accent1" accent2="accent2" accent3="accent3" accent4="accent4" accent5="accent5" accent6="accent6" hlink="hlink" folHlink="folHlink"/>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endParaRPr lang="en-US" dirty="0"/>
          </a:p>
        </p:txBody>
      </p:sp>
      <p:sp>
        <p:nvSpPr>
          <p:cNvPr id="4" name="Slide Number Placeholder 3"/>
          <p:cNvSpPr>
            <a:spLocks noGrp="1"/>
          </p:cNvSpPr>
          <p:nvPr>
            <p:ph type="sldNum" sz="quarter" idx="11"/>
          </p:nvPr>
        </p:nvSpPr>
        <p:spPr/>
        <p:txBody>
          <a:bodyPr/>
          <a:lstStyle/>
          <a:p>
            <a:fld id="{23AA811B-2EBD-4900-905E-5BE206449611}" type="slidenum">
              <a:rPr lang="en-US" smtClean="0"/>
            </a:fld>
            <a:endParaRPr lang="en-US" dirty="0"/>
          </a:p>
        </p:txBody>
      </p:sp>
      <p:sp>
        <p:nvSpPr>
          <p:cNvPr id="3" name="Date Placeholder 2"/>
          <p:cNvSpPr>
            <a:spLocks noGrp="1"/>
          </p:cNvSpPr>
          <p:nvPr>
            <p:ph type="dt" sz="half" idx="12"/>
          </p:nvPr>
        </p:nvSpPr>
        <p:spPr/>
        <p:txBody>
          <a:bodyPr/>
          <a:lstStyle/>
          <a:p>
            <a:fld id="{B118041E-2DAD-480C-AEE4-E661A097CFE4}" type="datetime1">
              <a:rPr lang="en-US" smtClean="0"/>
            </a:fld>
            <a:endParaRPr lang="en-US" dirty="0"/>
          </a:p>
        </p:txBody>
      </p:sp>
    </p:spTree>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A. Blank">
    <p:spTree>
      <p:nvGrpSpPr>
        <p:cNvPr id="1" name=""/>
        <p:cNvGrpSpPr/>
        <p:nvPr/>
      </p:nvGrpSpPr>
      <p:grpSpPr>
        <a:xfrm>
          <a:off x="0" y="0"/>
          <a:ext cx="0" cy="0"/>
          <a:chOff x="0" y="0"/>
          <a:chExt cx="0" cy="0"/>
        </a:xfrm>
      </p:grpSpPr>
      <p:sp>
        <p:nvSpPr>
          <p:cNvPr id="2" name="Background"/>
          <p:cNvSpPr>
            <a:spLocks noGrp="1" noRot="1" noMove="1" noResize="1" noEditPoints="1" noAdjustHandles="1" noChangeArrowheads="1" noChangeShapeType="1"/>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 name="Legal dynamic" descr="{&quot;templafy&quot;:{&quot;id&quot;:&quot;5fc8d4b8-864f-4443-a207-26c8e2eebdab&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7" name="Internal Stamp dynamic" descr="{&quot;templafy&quot;:{&quot;id&quot;:&quot;d33cf8b6-2a30-4297-a2f8-482e73062f79&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sp>
        <p:nvSpPr>
          <p:cNvPr id="14" name="Slide Number Placeholder 13"/>
          <p:cNvSpPr>
            <a:spLocks noGrp="1"/>
          </p:cNvSpPr>
          <p:nvPr>
            <p:ph type="sldNum" sz="quarter" idx="11"/>
          </p:nvPr>
        </p:nvSpPr>
        <p:spPr/>
        <p:txBody>
          <a:bodyPr/>
          <a:lstStyle/>
          <a:p>
            <a:fld id="{23AA811B-2EBD-4900-905E-5BE206449611}" type="slidenum">
              <a:rPr lang="en-US" smtClean="0"/>
            </a:fld>
            <a:endParaRPr lang="en-US" dirty="0"/>
          </a:p>
        </p:txBody>
      </p:sp>
      <p:sp>
        <p:nvSpPr>
          <p:cNvPr id="3" name="Date Placeholder 2"/>
          <p:cNvSpPr>
            <a:spLocks noGrp="1"/>
          </p:cNvSpPr>
          <p:nvPr>
            <p:ph type="dt" sz="half" idx="12"/>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B. Blank">
    <p:bg bwMode="ltGray">
      <p:bgPr>
        <a:solidFill>
          <a:schemeClr val="accent3"/>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Legal dynamic" descr="{&quot;templafy&quot;:{&quot;id&quot;:&quot;f265779f-faf6-4c9f-9c23-d658f843219d&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3" name="Internal Stamp dynamic" descr="{&quot;templafy&quot;:{&quot;id&quot;:&quot;934ff98f-c977-44a6-add0-93fab6a5a3c3&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sp>
        <p:nvSpPr>
          <p:cNvPr id="11" name="Slide Number Placeholder 10"/>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4" name="Date Placeholder 2"/>
          <p:cNvSpPr>
            <a:spLocks noGrp="1"/>
          </p:cNvSpPr>
          <p:nvPr>
            <p:ph type="dt" sz="half" idx="12"/>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C. Blank">
    <p:bg bwMode="ltGray">
      <p:bgPr>
        <a:solidFill>
          <a:schemeClr val="accent3"/>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Legal dynamic" descr="{&quot;templafy&quot;:{&quot;id&quot;:&quot;7771d22b-3bf0-42e1-b0d6-595936455fdf&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3" name="Internal Stamp dynamic" descr="{&quot;templafy&quot;:{&quot;id&quot;:&quot;e660a7d9-7b49-43a7-8966-b27600f9e73f&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sp>
        <p:nvSpPr>
          <p:cNvPr id="13" name="Slide Number Placeholder 12"/>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4" name="Date Placeholder 2"/>
          <p:cNvSpPr>
            <a:spLocks noGrp="1"/>
          </p:cNvSpPr>
          <p:nvPr>
            <p:ph type="dt" sz="half" idx="12"/>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D. Blank">
    <p:bg bwMode="ltGray">
      <p:bgPr>
        <a:solidFill>
          <a:schemeClr val="accent3"/>
        </a:solidFill>
        <a:effectLst/>
      </p:bgPr>
    </p:bg>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02F3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Legal dynamic" descr="{&quot;templafy&quot;:{&quot;id&quot;:&quot;59760b0c-e043-4404-803c-fcf8ce7fecc5&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chemeClr val="tx2"/>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3" name="Internal Stamp dynamic" descr="{&quot;templafy&quot;:{&quot;id&quot;:&quot;dbb2bea4-526c-4e36-9668-14a606d88013&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6020202030204" pitchFamily="34" charset="0"/>
              <a:ea typeface="+mn-ea"/>
              <a:cs typeface="+mn-cs"/>
            </a:endParaRPr>
          </a:p>
        </p:txBody>
      </p:sp>
      <p:sp>
        <p:nvSpPr>
          <p:cNvPr id="13" name="Slide Number Placeholder 12"/>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fld>
            <a:endParaRPr lang="en-US" dirty="0"/>
          </a:p>
        </p:txBody>
      </p:sp>
      <p:sp>
        <p:nvSpPr>
          <p:cNvPr id="4" name="Date Placeholder 2"/>
          <p:cNvSpPr>
            <a:spLocks noGrp="1"/>
          </p:cNvSpPr>
          <p:nvPr>
            <p:ph type="dt" sz="half" idx="12"/>
          </p:nvPr>
        </p:nvSpPr>
        <p:spPr>
          <a:xfrm>
            <a:off x="10630800" y="6364800"/>
            <a:ext cx="691200" cy="180000"/>
          </a:xfrm>
        </p:spPr>
        <p:txBody>
          <a:bodyPr/>
          <a:lstStyle>
            <a:lvl1pPr>
              <a:defRPr>
                <a:solidFill>
                  <a:schemeClr val="tx2"/>
                </a:solidFill>
              </a:defRPr>
            </a:lvl1pPr>
          </a:lstStyle>
          <a:p>
            <a:fld id="{B118041E-2DAD-480C-AEE4-E661A097CFE4}" type="datetime1">
              <a:rPr lang="en-US" smtClean="0"/>
            </a:fld>
            <a:endParaRPr lang="en-US" dirty="0"/>
          </a:p>
        </p:txBody>
      </p:sp>
    </p:spTree>
  </p:cSld>
  <p:clrMapOvr>
    <a:overrideClrMapping bg1="dk1" tx1="lt1" bg2="dk2" tx2="lt2" accent1="accent1" accent2="accent2" accent3="accent3" accent4="accent4" accent5="accent5" accent6="accent6" hlink="hlink" folHlink="folHlink"/>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E. Blank">
    <p:spTree>
      <p:nvGrpSpPr>
        <p:cNvPr id="1" name=""/>
        <p:cNvGrpSpPr/>
        <p:nvPr/>
      </p:nvGrpSpPr>
      <p:grpSpPr>
        <a:xfrm>
          <a:off x="0" y="0"/>
          <a:ext cx="0" cy="0"/>
          <a:chOff x="0" y="0"/>
          <a:chExt cx="0" cy="0"/>
        </a:xfrm>
      </p:grpSpPr>
      <p:sp>
        <p:nvSpPr>
          <p:cNvPr id="2"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 name="Legal dynamic" descr="{&quot;templafy&quot;:{&quot;id&quot;:&quot;cdf19d82-a09a-4fc4-ab0b-7797226dc2ea&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7" name="Internal Stamp dynamic" descr="{&quot;templafy&quot;:{&quot;id&quot;:&quot;8bb47ee5-ff19-43a2-a0c9-5a3bda89d038&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sp>
        <p:nvSpPr>
          <p:cNvPr id="4" name="Slide Number Placeholder 3"/>
          <p:cNvSpPr>
            <a:spLocks noGrp="1"/>
          </p:cNvSpPr>
          <p:nvPr>
            <p:ph type="sldNum" sz="quarter" idx="18"/>
          </p:nvPr>
        </p:nvSpPr>
        <p:spPr/>
        <p:txBody>
          <a:bodyPr/>
          <a:lstStyle/>
          <a:p>
            <a:fld id="{23AA811B-2EBD-4900-905E-5BE206449611}" type="slidenum">
              <a:rPr lang="en-US" smtClean="0"/>
            </a:fld>
            <a:endParaRPr lang="en-US" dirty="0"/>
          </a:p>
        </p:txBody>
      </p:sp>
      <p:sp>
        <p:nvSpPr>
          <p:cNvPr id="6" name="Date Placeholder 2"/>
          <p:cNvSpPr>
            <a:spLocks noGrp="1"/>
          </p:cNvSpPr>
          <p:nvPr>
            <p:ph type="dt" sz="half" idx="12"/>
          </p:nvPr>
        </p:nvSpPr>
        <p:spPr>
          <a:xfrm>
            <a:off x="10630800" y="6364800"/>
            <a:ext cx="691200" cy="180000"/>
          </a:xfrm>
        </p:spPr>
        <p:txBody>
          <a:bodyPr/>
          <a:lstStyle/>
          <a:p>
            <a:fld id="{B118041E-2DAD-480C-AEE4-E661A097CFE4}" type="datetime1">
              <a:rPr lang="en-US" smtClean="0"/>
            </a:fld>
            <a:endParaRPr lang="en-US" dirty="0"/>
          </a:p>
        </p:txBody>
      </p:sp>
    </p:spTree>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 Cover and Image">
    <p:spTree>
      <p:nvGrpSpPr>
        <p:cNvPr id="1" name=""/>
        <p:cNvGrpSpPr/>
        <p:nvPr/>
      </p:nvGrpSpPr>
      <p:grpSpPr>
        <a:xfrm>
          <a:off x="0" y="0"/>
          <a:ext cx="0" cy="0"/>
          <a:chOff x="0" y="0"/>
          <a:chExt cx="0" cy="0"/>
        </a:xfrm>
      </p:grpSpPr>
      <p:sp>
        <p:nvSpPr>
          <p:cNvPr id="6" name="Background"/>
          <p:cNvSpPr>
            <a:spLocks noGrp="1" noRot="1" noMove="1" noResize="1" noEditPoints="1" noAdjustHandles="1" noChangeArrowheads="1" noChangeShapeType="1"/>
          </p:cNvSpPr>
          <p:nvPr userDrawn="1"/>
        </p:nvSpPr>
        <p:spPr bwMode="white">
          <a:xfrm>
            <a:off x="0" y="0"/>
            <a:ext cx="12193200" cy="58824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3" name="Picture Placeholder 6"/>
          <p:cNvSpPr>
            <a:spLocks noGrp="1"/>
          </p:cNvSpPr>
          <p:nvPr>
            <p:ph type="pic" sz="quarter" idx="16"/>
          </p:nvPr>
        </p:nvSpPr>
        <p:spPr>
          <a:xfrm>
            <a:off x="5690403" y="2"/>
            <a:ext cx="6501219" cy="5882398"/>
          </a:xfrm>
          <a:custGeom>
            <a:avLst/>
            <a:gdLst>
              <a:gd name="connsiteX0" fmla="*/ 4452578 w 6501219"/>
              <a:gd name="connsiteY0" fmla="*/ 0 h 5882398"/>
              <a:gd name="connsiteX1" fmla="*/ 6501219 w 6501219"/>
              <a:gd name="connsiteY1" fmla="*/ 0 h 5882398"/>
              <a:gd name="connsiteX2" fmla="*/ 6501219 w 6501219"/>
              <a:gd name="connsiteY2" fmla="*/ 5882398 h 5882398"/>
              <a:gd name="connsiteX3" fmla="*/ 0 w 6501219"/>
              <a:gd name="connsiteY3" fmla="*/ 5882398 h 5882398"/>
              <a:gd name="connsiteX4" fmla="*/ 0 w 6501219"/>
              <a:gd name="connsiteY4" fmla="*/ 4449965 h 5882398"/>
              <a:gd name="connsiteX5" fmla="*/ 3693 w 6501219"/>
              <a:gd name="connsiteY5" fmla="*/ 4376844 h 5882398"/>
              <a:gd name="connsiteX6" fmla="*/ 742025 w 6501219"/>
              <a:gd name="connsiteY6" fmla="*/ 3710572 h 5882398"/>
              <a:gd name="connsiteX7" fmla="*/ 3153904 w 6501219"/>
              <a:gd name="connsiteY7" fmla="*/ 3710572 h 5882398"/>
              <a:gd name="connsiteX8" fmla="*/ 3710432 w 6501219"/>
              <a:gd name="connsiteY8" fmla="*/ 3154043 h 5882398"/>
              <a:gd name="connsiteX9" fmla="*/ 3710432 w 6501219"/>
              <a:gd name="connsiteY9" fmla="*/ 742164 h 5882398"/>
              <a:gd name="connsiteX10" fmla="*/ 4376726 w 6501219"/>
              <a:gd name="connsiteY10" fmla="*/ 3830 h 58823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501219" h="5882398">
                <a:moveTo>
                  <a:pt x="4452578" y="0"/>
                </a:moveTo>
                <a:lnTo>
                  <a:pt x="6501219" y="0"/>
                </a:lnTo>
                <a:lnTo>
                  <a:pt x="6501219" y="5882398"/>
                </a:lnTo>
                <a:lnTo>
                  <a:pt x="0" y="5882398"/>
                </a:lnTo>
                <a:lnTo>
                  <a:pt x="0" y="4449965"/>
                </a:lnTo>
                <a:lnTo>
                  <a:pt x="3693" y="4376844"/>
                </a:lnTo>
                <a:cubicBezTo>
                  <a:pt x="41705" y="4002555"/>
                  <a:pt x="357813" y="3710572"/>
                  <a:pt x="742025" y="3710572"/>
                </a:cubicBezTo>
                <a:lnTo>
                  <a:pt x="3153904" y="3710572"/>
                </a:lnTo>
                <a:cubicBezTo>
                  <a:pt x="3461178" y="3710572"/>
                  <a:pt x="3710432" y="3461444"/>
                  <a:pt x="3710432" y="3154043"/>
                </a:cubicBezTo>
                <a:lnTo>
                  <a:pt x="3710432" y="742164"/>
                </a:lnTo>
                <a:cubicBezTo>
                  <a:pt x="3710432" y="357833"/>
                  <a:pt x="4002528" y="41829"/>
                  <a:pt x="4376726" y="3830"/>
                </a:cubicBezTo>
                <a:close/>
              </a:path>
            </a:pathLst>
          </a:custGeom>
          <a:solidFill>
            <a:schemeClr val="bg1">
              <a:lumMod val="85000"/>
            </a:schemeClr>
          </a:solidFill>
        </p:spPr>
        <p:txBody>
          <a:bodyPr wrap="square" lIns="3060000" anchor="ctr" anchorCtr="0">
            <a:noAutofit/>
          </a:bodyPr>
          <a:lstStyle>
            <a:lvl1pPr marL="0" indent="0" algn="ctr">
              <a:buNone/>
              <a:defRPr>
                <a:solidFill>
                  <a:schemeClr val="tx1"/>
                </a:solidFill>
              </a:defRPr>
            </a:lvl1pPr>
          </a:lstStyle>
          <a:p>
            <a:r>
              <a:rPr lang="en-US" dirty="0"/>
              <a:t>Click icon to add picture</a:t>
            </a:r>
            <a:endParaRPr lang="en-US" dirty="0"/>
          </a:p>
        </p:txBody>
      </p:sp>
      <p:sp>
        <p:nvSpPr>
          <p:cNvPr id="2" name="Title 1"/>
          <p:cNvSpPr>
            <a:spLocks noGrp="1"/>
          </p:cNvSpPr>
          <p:nvPr>
            <p:ph type="ctrTitle" hasCustomPrompt="1"/>
          </p:nvPr>
        </p:nvSpPr>
        <p:spPr>
          <a:xfrm>
            <a:off x="360000" y="1454400"/>
            <a:ext cx="4856400" cy="1820862"/>
          </a:xfrm>
          <a:noFill/>
        </p:spPr>
        <p:txBody>
          <a:bodyPr anchor="b" anchorCtr="0"/>
          <a:lstStyle>
            <a:lvl1pPr algn="l">
              <a:lnSpc>
                <a:spcPct val="85000"/>
              </a:lnSpc>
              <a:defRPr sz="6000" b="0">
                <a:solidFill>
                  <a:srgbClr val="035C67"/>
                </a:solidFill>
              </a:defRPr>
            </a:lvl1pPr>
          </a:lstStyle>
          <a:p>
            <a:r>
              <a:rPr lang="en-US" dirty="0"/>
              <a:t>Click to add title</a:t>
            </a:r>
            <a:endParaRPr lang="en-US" dirty="0"/>
          </a:p>
        </p:txBody>
      </p:sp>
      <p:sp>
        <p:nvSpPr>
          <p:cNvPr id="11" name="Text Placeholder 4"/>
          <p:cNvSpPr>
            <a:spLocks noGrp="1"/>
          </p:cNvSpPr>
          <p:nvPr>
            <p:ph type="body" sz="quarter" idx="13" hasCustomPrompt="1"/>
          </p:nvPr>
        </p:nvSpPr>
        <p:spPr>
          <a:xfrm>
            <a:off x="360000" y="3654000"/>
            <a:ext cx="4856400" cy="2094338"/>
          </a:xfrm>
        </p:spPr>
        <p:txBody>
          <a:bodyPr/>
          <a:lstStyle>
            <a:lvl1pPr marL="0" indent="0">
              <a:lnSpc>
                <a:spcPct val="105000"/>
              </a:lnSpc>
              <a:buNone/>
              <a:defRPr sz="2200">
                <a:solidFill>
                  <a:srgbClr val="002F3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dirty="0"/>
          </a:p>
        </p:txBody>
      </p:sp>
      <p:sp>
        <p:nvSpPr>
          <p:cNvPr id="9" name="Slide Number Placeholder 8"/>
          <p:cNvSpPr>
            <a:spLocks noGrp="1"/>
          </p:cNvSpPr>
          <p:nvPr>
            <p:ph type="sldNum" sz="quarter" idx="15"/>
          </p:nvPr>
        </p:nvSpPr>
        <p:spPr/>
        <p:txBody>
          <a:bodyPr/>
          <a:lstStyle/>
          <a:p>
            <a:fld id="{23AA811B-2EBD-4900-905E-5BE206449611}" type="slidenum">
              <a:rPr lang="en-US" smtClean="0"/>
            </a:fld>
            <a:endParaRPr lang="en-US" dirty="0"/>
          </a:p>
        </p:txBody>
      </p:sp>
      <p:sp>
        <p:nvSpPr>
          <p:cNvPr id="4" name="Date Placeholder 3"/>
          <p:cNvSpPr>
            <a:spLocks noGrp="1"/>
          </p:cNvSpPr>
          <p:nvPr>
            <p:ph type="dt" sz="half" idx="17"/>
          </p:nvPr>
        </p:nvSpPr>
        <p:spPr/>
        <p:txBody>
          <a:bodyPr/>
          <a:lstStyle/>
          <a:p>
            <a:fld id="{B118041E-2DAD-480C-AEE4-E661A097CFE4}" type="datetime1">
              <a:rPr lang="en-US" smtClean="0"/>
            </a:fld>
            <a:endParaRPr lang="en-US" dirty="0"/>
          </a:p>
        </p:txBody>
      </p:sp>
    </p:spTree>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showMasterSp="0" userDrawn="1">
  <p:cSld name="User guide ">
    <p:spTree>
      <p:nvGrpSpPr>
        <p:cNvPr id="1" name=""/>
        <p:cNvGrpSpPr/>
        <p:nvPr/>
      </p:nvGrpSpPr>
      <p:grpSpPr>
        <a:xfrm>
          <a:off x="0" y="0"/>
          <a:ext cx="0" cy="0"/>
          <a:chOff x="0" y="0"/>
          <a:chExt cx="0" cy="0"/>
        </a:xfrm>
      </p:grpSpPr>
      <p:sp>
        <p:nvSpPr>
          <p:cNvPr id="65" name="Fast overskrift"/>
          <p:cNvSpPr txBox="1">
            <a:spLocks noGrp="1" noRot="1" noMove="1" noResize="1" noEditPoints="1" noAdjustHandles="1" noChangeArrowheads="1" noChangeShapeType="1"/>
          </p:cNvSpPr>
          <p:nvPr userDrawn="1"/>
        </p:nvSpPr>
        <p:spPr>
          <a:xfrm>
            <a:off x="358775" y="358775"/>
            <a:ext cx="11109321" cy="650171"/>
          </a:xfrm>
          <a:prstGeom prst="rect">
            <a:avLst/>
          </a:prstGeom>
          <a:noFill/>
        </p:spPr>
        <p:txBody>
          <a:bodyPr wrap="square" lIns="0" tIns="0" rIns="0" bIns="0" rtlCol="0" anchor="t" anchorCtr="0">
            <a:noAutofit/>
          </a:bodyPr>
          <a:lstStyle/>
          <a:p>
            <a:r>
              <a:rPr lang="en-US" sz="2800" b="1" noProof="1">
                <a:solidFill>
                  <a:schemeClr val="accent3"/>
                </a:solidFill>
                <a:latin typeface="+mj-lt"/>
                <a:cs typeface="Arial" panose="020B0604020202020204" pitchFamily="34" charset="0"/>
              </a:rPr>
              <a:t>User Guide</a:t>
            </a:r>
            <a:endParaRPr lang="en-US" sz="1600" b="1" dirty="0">
              <a:solidFill>
                <a:schemeClr val="accent3"/>
              </a:solidFill>
            </a:endParaRPr>
          </a:p>
        </p:txBody>
      </p:sp>
      <p:sp>
        <p:nvSpPr>
          <p:cNvPr id="2" name="Text Box 3"/>
          <p:cNvSpPr txBox="1">
            <a:spLocks noChangeArrowheads="1"/>
          </p:cNvSpPr>
          <p:nvPr userDrawn="1"/>
        </p:nvSpPr>
        <p:spPr bwMode="auto">
          <a:xfrm>
            <a:off x="4255684" y="1095538"/>
            <a:ext cx="2716548" cy="272382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panose="020B0604020202020204" pitchFamily="34" charset="0"/>
              </a:defRPr>
            </a:lvl1pPr>
            <a:lvl2pPr marL="742950" indent="-285750" eaLnBrk="0" hangingPunct="0">
              <a:defRPr>
                <a:solidFill>
                  <a:schemeClr val="tx1"/>
                </a:solidFill>
                <a:latin typeface="Arial" panose="020B0604020202020204" pitchFamily="34" charset="0"/>
              </a:defRPr>
            </a:lvl2pPr>
            <a:lvl3pPr marL="1143000" indent="-228600" eaLnBrk="0" hangingPunct="0">
              <a:defRPr>
                <a:solidFill>
                  <a:schemeClr val="tx1"/>
                </a:solidFill>
                <a:latin typeface="Arial" panose="020B0604020202020204" pitchFamily="34" charset="0"/>
              </a:defRPr>
            </a:lvl3pPr>
            <a:lvl4pPr marL="1600200" indent="-228600" eaLnBrk="0" hangingPunct="0">
              <a:defRPr>
                <a:solidFill>
                  <a:schemeClr val="tx1"/>
                </a:solidFill>
                <a:latin typeface="Arial" panose="020B0604020202020204" pitchFamily="34" charset="0"/>
              </a:defRPr>
            </a:lvl4pPr>
            <a:lvl5pPr marL="2057400" indent="-228600" eaLnBrk="0" hangingPunct="0">
              <a:defRPr>
                <a:solidFill>
                  <a:schemeClr val="tx1"/>
                </a:solidFill>
                <a:latin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defRPr>
            </a:lvl9pPr>
          </a:lstStyle>
          <a:p>
            <a:pPr marL="0" marR="0" lvl="0" indent="0" algn="l" defTabSz="914400" rtl="0" eaLnBrk="1" fontAlgn="auto" latinLnBrk="0" hangingPunct="1">
              <a:lnSpc>
                <a:spcPct val="100000"/>
              </a:lnSpc>
              <a:spcBef>
                <a:spcPts val="1200"/>
              </a:spcBef>
              <a:spcAft>
                <a:spcPts val="600"/>
              </a:spcAft>
              <a:buClrTx/>
              <a:buSzTx/>
              <a:buFontTx/>
              <a:buNone/>
              <a:defRPr/>
            </a:pPr>
            <a:r>
              <a:rPr lang="en-US" sz="1600" dirty="0">
                <a:solidFill>
                  <a:schemeClr val="accent4"/>
                </a:solidFill>
                <a:latin typeface="+mn-lt"/>
                <a:cs typeface="Arial" panose="020B0604020202020204" pitchFamily="34" charset="0"/>
              </a:rPr>
              <a:t>PICTURES</a:t>
            </a:r>
            <a:br>
              <a:rPr lang="en-US" sz="1600" dirty="0">
                <a:solidFill>
                  <a:schemeClr val="accent4"/>
                </a:solidFill>
                <a:latin typeface="+mn-lt"/>
                <a:cs typeface="Arial" panose="020B0604020202020204" pitchFamily="34" charset="0"/>
              </a:rPr>
            </a:br>
            <a:br>
              <a:rPr lang="en-US" sz="900" dirty="0">
                <a:solidFill>
                  <a:schemeClr val="accent4"/>
                </a:solidFill>
                <a:latin typeface="+mn-lt"/>
                <a:cs typeface="Arial" panose="020B0604020202020204" pitchFamily="34" charset="0"/>
              </a:rPr>
            </a:br>
            <a:r>
              <a:rPr lang="en-US" altLang="da-DK" sz="900" b="1" baseline="0" noProof="1">
                <a:solidFill>
                  <a:schemeClr val="accent4"/>
                </a:solidFill>
                <a:latin typeface="+mn-lt"/>
                <a:cs typeface="Arial" panose="020B0604020202020204" pitchFamily="34" charset="0"/>
              </a:rPr>
              <a:t>ADD PICTURE</a:t>
            </a:r>
            <a:endParaRPr lang="en-US" dirty="0">
              <a:solidFill>
                <a:schemeClr val="accent4"/>
              </a:solidFill>
            </a:endParaRPr>
          </a:p>
          <a:p>
            <a:pPr eaLnBrk="1" hangingPunct="1">
              <a:spcAft>
                <a:spcPts val="600"/>
              </a:spcAft>
              <a:defRPr/>
            </a:pPr>
            <a:r>
              <a:rPr lang="en-US" altLang="da-DK" sz="900" b="0" noProof="1">
                <a:solidFill>
                  <a:schemeClr val="accent4"/>
                </a:solidFill>
                <a:latin typeface="+mn-lt"/>
                <a:cs typeface="Arial" panose="020B0604020202020204" pitchFamily="34" charset="0"/>
              </a:rPr>
              <a:t>On slides with pictureplaceholder, click on the icon and choose </a:t>
            </a:r>
            <a:r>
              <a:rPr lang="en-US" altLang="da-DK" sz="900" b="1" noProof="1">
                <a:solidFill>
                  <a:schemeClr val="accent4"/>
                </a:solidFill>
                <a:latin typeface="+mn-lt"/>
                <a:cs typeface="Arial" panose="020B0604020202020204" pitchFamily="34" charset="0"/>
              </a:rPr>
              <a:t>Insert</a:t>
            </a:r>
            <a:endParaRPr lang="en-US" dirty="0">
              <a:solidFill>
                <a:schemeClr val="accent4"/>
              </a:solidFill>
            </a:endParaRPr>
          </a:p>
          <a:p>
            <a:pPr eaLnBrk="1" hangingPunct="1">
              <a:spcBef>
                <a:spcPts val="1200"/>
              </a:spcBef>
              <a:spcAft>
                <a:spcPts val="600"/>
              </a:spcAft>
              <a:defRPr/>
            </a:pPr>
            <a:r>
              <a:rPr lang="en-US" sz="900" b="1" noProof="1">
                <a:solidFill>
                  <a:schemeClr val="accent4"/>
                </a:solidFill>
                <a:latin typeface="+mn-lt"/>
                <a:cs typeface="Arial" panose="020B0604020202020204" pitchFamily="34" charset="0"/>
              </a:rPr>
              <a:t>Crop picture</a:t>
            </a:r>
            <a:endParaRPr lang="en-US" dirty="0">
              <a:solidFill>
                <a:schemeClr val="accent4"/>
              </a:solidFill>
            </a:endParaRPr>
          </a:p>
          <a:p>
            <a:pPr eaLnBrk="1" hangingPunct="1">
              <a:spcAft>
                <a:spcPts val="600"/>
              </a:spcAft>
              <a:defRPr/>
            </a:pPr>
            <a:r>
              <a:rPr lang="en-US" altLang="da-DK" sz="900" b="1" noProof="1">
                <a:solidFill>
                  <a:schemeClr val="accent4"/>
                </a:solidFill>
                <a:latin typeface="+mn-lt"/>
                <a:cs typeface="Arial" panose="020B0604020202020204" pitchFamily="34" charset="0"/>
              </a:rPr>
              <a:t>1. </a:t>
            </a:r>
            <a:r>
              <a:rPr lang="en-US" altLang="da-DK" sz="900" b="0" noProof="1">
                <a:solidFill>
                  <a:schemeClr val="accent4"/>
                </a:solidFill>
                <a:latin typeface="+mn-lt"/>
                <a:cs typeface="Arial" panose="020B0604020202020204" pitchFamily="34" charset="0"/>
              </a:rPr>
              <a:t>Click </a:t>
            </a:r>
            <a:r>
              <a:rPr lang="en-US" altLang="da-DK" sz="900" b="1" noProof="1">
                <a:solidFill>
                  <a:schemeClr val="accent4"/>
                </a:solidFill>
                <a:latin typeface="+mn-lt"/>
                <a:cs typeface="Arial" panose="020B0604020202020204" pitchFamily="34" charset="0"/>
              </a:rPr>
              <a:t>Crop</a:t>
            </a:r>
            <a:r>
              <a:rPr lang="en-US" altLang="da-DK" sz="900" b="0" noProof="1">
                <a:solidFill>
                  <a:schemeClr val="accent4"/>
                </a:solidFill>
                <a:latin typeface="+mn-lt"/>
                <a:cs typeface="Arial" panose="020B0604020202020204" pitchFamily="34" charset="0"/>
              </a:rPr>
              <a:t> to change size or focus of the picture</a:t>
            </a:r>
            <a:endParaRPr lang="en-US" dirty="0">
              <a:solidFill>
                <a:schemeClr val="accent4"/>
              </a:solidFill>
            </a:endParaRPr>
          </a:p>
          <a:p>
            <a:pPr eaLnBrk="1" hangingPunct="1">
              <a:spcAft>
                <a:spcPts val="600"/>
              </a:spcAft>
              <a:defRPr/>
            </a:pPr>
            <a:r>
              <a:rPr lang="en-US" altLang="da-DK" sz="900" b="1" noProof="1">
                <a:solidFill>
                  <a:schemeClr val="accent4"/>
                </a:solidFill>
                <a:latin typeface="+mn-lt"/>
                <a:cs typeface="Arial" panose="020B0604020202020204" pitchFamily="34" charset="0"/>
              </a:rPr>
              <a:t>2. </a:t>
            </a:r>
            <a:r>
              <a:rPr lang="en-US" altLang="da-DK" sz="900" b="0" noProof="1">
                <a:solidFill>
                  <a:schemeClr val="accent4"/>
                </a:solidFill>
                <a:latin typeface="+mn-lt"/>
                <a:cs typeface="Arial" panose="020B0604020202020204" pitchFamily="34" charset="0"/>
              </a:rPr>
              <a:t>If you want to scale the picture, hold </a:t>
            </a:r>
            <a:r>
              <a:rPr lang="en-US" altLang="da-DK" sz="900" b="1" noProof="1">
                <a:solidFill>
                  <a:schemeClr val="accent4"/>
                </a:solidFill>
                <a:latin typeface="+mn-lt"/>
                <a:cs typeface="Arial" panose="020B0604020202020204" pitchFamily="34" charset="0"/>
              </a:rPr>
              <a:t>SHIFT</a:t>
            </a:r>
            <a:r>
              <a:rPr lang="en-US" altLang="da-DK" sz="900" b="0" noProof="1">
                <a:solidFill>
                  <a:schemeClr val="accent4"/>
                </a:solidFill>
                <a:latin typeface="+mn-lt"/>
                <a:cs typeface="Arial" panose="020B0604020202020204" pitchFamily="34" charset="0"/>
              </a:rPr>
              <a:t>-key down while dragging the corners of the picture</a:t>
            </a:r>
            <a:br>
              <a:rPr lang="en-US" altLang="da-DK" sz="900" b="0" noProof="1">
                <a:solidFill>
                  <a:schemeClr val="accent4"/>
                </a:solidFill>
                <a:latin typeface="+mn-lt"/>
                <a:cs typeface="Arial" panose="020B0604020202020204" pitchFamily="34" charset="0"/>
              </a:rPr>
            </a:br>
            <a:endParaRPr lang="en-US" altLang="da-DK" sz="900" b="0" noProof="1">
              <a:solidFill>
                <a:schemeClr val="accent4"/>
              </a:solidFill>
              <a:latin typeface="+mn-lt"/>
              <a:cs typeface="Arial" panose="020B0604020202020204" pitchFamily="34" charset="0"/>
            </a:endParaRPr>
          </a:p>
          <a:p>
            <a:pPr eaLnBrk="1" hangingPunct="1">
              <a:spcAft>
                <a:spcPts val="600"/>
              </a:spcAft>
              <a:defRPr/>
            </a:pPr>
            <a:r>
              <a:rPr lang="en-US" altLang="da-DK" sz="900" b="1" noProof="1">
                <a:solidFill>
                  <a:schemeClr val="accent4"/>
                </a:solidFill>
                <a:latin typeface="+mn-lt"/>
                <a:cs typeface="Arial" panose="020B0604020202020204" pitchFamily="34" charset="0"/>
              </a:rPr>
              <a:t>HINT: </a:t>
            </a:r>
            <a:r>
              <a:rPr lang="en-US" altLang="da-DK" sz="900" b="0" noProof="1">
                <a:solidFill>
                  <a:schemeClr val="accent4"/>
                </a:solidFill>
                <a:latin typeface="+mn-lt"/>
                <a:cs typeface="Arial" panose="020B0604020202020204" pitchFamily="34" charset="0"/>
              </a:rPr>
              <a:t>If you delete the picture and insert a new one, the picture may lie in front of the text or graphic.</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If this happens, select the picture, right-click and choose </a:t>
            </a:r>
            <a:r>
              <a:rPr lang="en-US" altLang="da-DK" sz="900" b="1" noProof="1">
                <a:solidFill>
                  <a:schemeClr val="accent4"/>
                </a:solidFill>
                <a:latin typeface="+mn-lt"/>
                <a:cs typeface="Arial" panose="020B0604020202020204" pitchFamily="34" charset="0"/>
              </a:rPr>
              <a:t>Send to Back</a:t>
            </a:r>
            <a:endParaRPr lang="en-US" altLang="da-DK" sz="900" b="1" noProof="1">
              <a:solidFill>
                <a:schemeClr val="accent4"/>
              </a:solidFill>
              <a:latin typeface="+mn-lt"/>
              <a:cs typeface="Arial" panose="020B0604020202020204" pitchFamily="34" charset="0"/>
            </a:endParaRPr>
          </a:p>
        </p:txBody>
      </p:sp>
      <p:sp>
        <p:nvSpPr>
          <p:cNvPr id="3" name="Text Box 2"/>
          <p:cNvSpPr txBox="1">
            <a:spLocks noChangeArrowheads="1"/>
          </p:cNvSpPr>
          <p:nvPr userDrawn="1"/>
        </p:nvSpPr>
        <p:spPr bwMode="auto">
          <a:xfrm>
            <a:off x="360000" y="1095538"/>
            <a:ext cx="2280360" cy="241604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panose="020B0604020202020204" pitchFamily="34" charset="0"/>
              </a:defRPr>
            </a:lvl1pPr>
            <a:lvl2pPr marL="742950" indent="-285750" eaLnBrk="0" hangingPunct="0">
              <a:defRPr>
                <a:solidFill>
                  <a:schemeClr val="tx1"/>
                </a:solidFill>
                <a:latin typeface="Arial" panose="020B0604020202020204" pitchFamily="34" charset="0"/>
              </a:defRPr>
            </a:lvl2pPr>
            <a:lvl3pPr marL="1143000" indent="-228600" eaLnBrk="0" hangingPunct="0">
              <a:defRPr>
                <a:solidFill>
                  <a:schemeClr val="tx1"/>
                </a:solidFill>
                <a:latin typeface="Arial" panose="020B0604020202020204" pitchFamily="34" charset="0"/>
              </a:defRPr>
            </a:lvl3pPr>
            <a:lvl4pPr marL="1600200" indent="-228600" eaLnBrk="0" hangingPunct="0">
              <a:defRPr>
                <a:solidFill>
                  <a:schemeClr val="tx1"/>
                </a:solidFill>
                <a:latin typeface="Arial" panose="020B0604020202020204" pitchFamily="34" charset="0"/>
              </a:defRPr>
            </a:lvl4pPr>
            <a:lvl5pPr marL="2057400" indent="-228600" eaLnBrk="0" hangingPunct="0">
              <a:defRPr>
                <a:solidFill>
                  <a:schemeClr val="tx1"/>
                </a:solidFill>
                <a:latin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defRPr>
            </a:lvl9pPr>
          </a:lstStyle>
          <a:p>
            <a:pPr marL="0" marR="0" lvl="0" indent="0" algn="l" defTabSz="914400" rtl="0" eaLnBrk="1" fontAlgn="auto" latinLnBrk="0" hangingPunct="1">
              <a:lnSpc>
                <a:spcPct val="100000"/>
              </a:lnSpc>
              <a:spcBef>
                <a:spcPts val="0"/>
              </a:spcBef>
              <a:spcAft>
                <a:spcPts val="600"/>
              </a:spcAft>
              <a:buClrTx/>
              <a:buSzTx/>
              <a:buFontTx/>
              <a:buNone/>
              <a:defRPr/>
            </a:pPr>
            <a:r>
              <a:rPr lang="en-US" sz="1600" dirty="0">
                <a:solidFill>
                  <a:schemeClr val="accent4"/>
                </a:solidFill>
                <a:latin typeface="+mn-lt"/>
                <a:cs typeface="Arial" panose="020B0604020202020204" pitchFamily="34" charset="0"/>
              </a:rPr>
              <a:t>SLIDES &amp; LAYOUTS</a:t>
            </a:r>
            <a:br>
              <a:rPr lang="en-US" altLang="da-DK" sz="900" b="1" noProof="1">
                <a:solidFill>
                  <a:schemeClr val="accent4"/>
                </a:solidFill>
                <a:latin typeface="+mn-lt"/>
                <a:cs typeface="Arial" panose="020B0604020202020204" pitchFamily="34" charset="0"/>
              </a:rPr>
            </a:br>
            <a:br>
              <a:rPr lang="en-US" altLang="da-DK" sz="900" b="1"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Click on the menu </a:t>
            </a:r>
            <a:r>
              <a:rPr lang="en-US" altLang="da-DK" sz="900" b="1" noProof="1">
                <a:solidFill>
                  <a:schemeClr val="accent4"/>
                </a:solidFill>
                <a:latin typeface="+mn-lt"/>
                <a:cs typeface="Arial" panose="020B0604020202020204" pitchFamily="34" charset="0"/>
              </a:rPr>
              <a:t>New Slide </a:t>
            </a:r>
            <a:r>
              <a:rPr lang="en-US" altLang="da-DK" sz="900" b="0" noProof="1">
                <a:solidFill>
                  <a:schemeClr val="accent4"/>
                </a:solidFill>
                <a:latin typeface="+mn-lt"/>
                <a:cs typeface="Arial" panose="020B0604020202020204" pitchFamily="34" charset="0"/>
              </a:rPr>
              <a:t>in the </a:t>
            </a:r>
            <a:r>
              <a:rPr lang="en-US" altLang="da-DK" sz="900" b="1" noProof="1">
                <a:solidFill>
                  <a:schemeClr val="accent4"/>
                </a:solidFill>
                <a:latin typeface="+mn-lt"/>
                <a:cs typeface="Arial" panose="020B0604020202020204" pitchFamily="34" charset="0"/>
              </a:rPr>
              <a:t>Home</a:t>
            </a:r>
            <a:r>
              <a:rPr lang="en-US" altLang="da-DK" sz="900" b="0" noProof="1">
                <a:solidFill>
                  <a:schemeClr val="accent4"/>
                </a:solidFill>
                <a:latin typeface="+mn-lt"/>
                <a:cs typeface="Arial" panose="020B0604020202020204" pitchFamily="34" charset="0"/>
              </a:rPr>
              <a:t> tab to insert a new slide</a:t>
            </a:r>
            <a:br>
              <a:rPr lang="en-US" altLang="da-DK" sz="900" b="0" noProof="1">
                <a:solidFill>
                  <a:schemeClr val="accent4"/>
                </a:solidFill>
                <a:latin typeface="+mn-lt"/>
                <a:cs typeface="Arial" panose="020B0604020202020204" pitchFamily="34" charset="0"/>
              </a:rPr>
            </a:br>
            <a:br>
              <a:rPr lang="en-US" altLang="da-DK" sz="900" b="0" noProof="1">
                <a:solidFill>
                  <a:schemeClr val="accent4"/>
                </a:solidFill>
                <a:latin typeface="+mn-lt"/>
                <a:cs typeface="Arial" panose="020B0604020202020204" pitchFamily="34" charset="0"/>
              </a:rPr>
            </a:br>
            <a:r>
              <a:rPr lang="en-US" altLang="da-DK" sz="900" b="1" noProof="1">
                <a:solidFill>
                  <a:schemeClr val="accent4"/>
                </a:solidFill>
                <a:latin typeface="+mn-lt"/>
                <a:cs typeface="Arial" panose="020B0604020202020204" pitchFamily="34" charset="0"/>
              </a:rPr>
              <a:t>Change layout</a:t>
            </a:r>
            <a:endParaRPr lang="en-US" dirty="0">
              <a:solidFill>
                <a:schemeClr val="accent4"/>
              </a:solidFill>
            </a:endParaRPr>
          </a:p>
          <a:p>
            <a:pPr marL="0" marR="0" lvl="0" indent="0" algn="l" defTabSz="914400" rtl="0" eaLnBrk="1" fontAlgn="auto" latinLnBrk="0" hangingPunct="1">
              <a:lnSpc>
                <a:spcPct val="100000"/>
              </a:lnSpc>
              <a:spcBef>
                <a:spcPts val="0"/>
              </a:spcBef>
              <a:spcAft>
                <a:spcPts val="600"/>
              </a:spcAft>
              <a:buClrTx/>
              <a:buSzTx/>
              <a:buFontTx/>
              <a:buNone/>
              <a:defRPr/>
            </a:pPr>
            <a:r>
              <a:rPr lang="en-US" sz="900" dirty="0">
                <a:solidFill>
                  <a:schemeClr val="accent4"/>
                </a:solidFill>
                <a:latin typeface="+mn-lt"/>
                <a:ea typeface="Arial" panose="020B0604020202020204" pitchFamily="34" charset="0"/>
                <a:cs typeface="Arial" panose="020B0604020202020204" pitchFamily="34" charset="0"/>
              </a:rPr>
              <a:t>Click on the arrow next to </a:t>
            </a:r>
            <a:r>
              <a:rPr lang="en-US" sz="900" b="1" dirty="0">
                <a:solidFill>
                  <a:schemeClr val="accent4"/>
                </a:solidFill>
                <a:latin typeface="+mn-lt"/>
                <a:ea typeface="Arial" panose="020B0604020202020204" pitchFamily="34" charset="0"/>
                <a:cs typeface="Arial" panose="020B0604020202020204" pitchFamily="34" charset="0"/>
              </a:rPr>
              <a:t>Layout </a:t>
            </a:r>
            <a:r>
              <a:rPr lang="en-US" sz="900" dirty="0">
                <a:solidFill>
                  <a:schemeClr val="accent4"/>
                </a:solidFill>
                <a:latin typeface="+mn-lt"/>
                <a:ea typeface="Arial" panose="020B0604020202020204" pitchFamily="34" charset="0"/>
                <a:cs typeface="Arial" panose="020B0604020202020204" pitchFamily="34" charset="0"/>
              </a:rPr>
              <a:t>to view a dropdown menu of possible slide layouts</a:t>
            </a:r>
            <a:br>
              <a:rPr lang="en-US" altLang="da-DK" sz="900" b="0" baseline="0" noProof="1">
                <a:solidFill>
                  <a:schemeClr val="accent4"/>
                </a:solidFill>
                <a:latin typeface="+mn-lt"/>
                <a:cs typeface="Arial" panose="020B0604020202020204" pitchFamily="34" charset="0"/>
              </a:rPr>
            </a:br>
            <a:br>
              <a:rPr lang="en-US" altLang="da-DK" sz="900" b="0" baseline="0" noProof="1">
                <a:solidFill>
                  <a:schemeClr val="accent4"/>
                </a:solidFill>
                <a:latin typeface="+mn-lt"/>
                <a:cs typeface="Arial" panose="020B0604020202020204" pitchFamily="34" charset="0"/>
              </a:rPr>
            </a:br>
            <a:r>
              <a:rPr lang="en-US" sz="900" b="1" noProof="1">
                <a:solidFill>
                  <a:schemeClr val="accent4"/>
                </a:solidFill>
                <a:latin typeface="+mn-lt"/>
                <a:cs typeface="Arial" panose="020B0604020202020204" pitchFamily="34" charset="0"/>
              </a:rPr>
              <a:t>Reset slide</a:t>
            </a:r>
            <a:endParaRPr lang="en-US" dirty="0">
              <a:solidFill>
                <a:schemeClr val="accent4"/>
              </a:solidFill>
            </a:endParaRPr>
          </a:p>
          <a:p>
            <a:pPr marL="0" marR="0" indent="0" algn="l" defTabSz="914400" rtl="0" eaLnBrk="1" fontAlgn="auto" latinLnBrk="0" hangingPunct="1">
              <a:lnSpc>
                <a:spcPct val="100000"/>
              </a:lnSpc>
              <a:spcBef>
                <a:spcPts val="0"/>
              </a:spcBef>
              <a:spcAft>
                <a:spcPts val="600"/>
              </a:spcAft>
              <a:buClrTx/>
              <a:buSzTx/>
              <a:buFont typeface="+mj-lt"/>
              <a:buNone/>
              <a:defRPr/>
            </a:pPr>
            <a:r>
              <a:rPr lang="en-US" altLang="da-DK" sz="900" noProof="1">
                <a:solidFill>
                  <a:schemeClr val="accent4"/>
                </a:solidFill>
                <a:latin typeface="+mn-lt"/>
                <a:cs typeface="Arial" panose="020B0604020202020204" pitchFamily="34" charset="0"/>
              </a:rPr>
              <a:t>Click the </a:t>
            </a:r>
            <a:r>
              <a:rPr lang="en-US" altLang="da-DK" sz="900" b="1" baseline="0" noProof="1">
                <a:solidFill>
                  <a:schemeClr val="accent4"/>
                </a:solidFill>
                <a:latin typeface="+mn-lt"/>
                <a:cs typeface="Arial" panose="020B0604020202020204" pitchFamily="34" charset="0"/>
              </a:rPr>
              <a:t>Reset </a:t>
            </a:r>
            <a:r>
              <a:rPr lang="en-US" altLang="da-DK" sz="900" noProof="1">
                <a:solidFill>
                  <a:schemeClr val="accent4"/>
                </a:solidFill>
                <a:latin typeface="+mn-lt"/>
                <a:cs typeface="Arial" panose="020B0604020202020204" pitchFamily="34" charset="0"/>
              </a:rPr>
              <a:t>menu to reset position, size</a:t>
            </a:r>
            <a:r>
              <a:rPr lang="en-US" altLang="da-DK" sz="900" baseline="0" noProof="1">
                <a:solidFill>
                  <a:schemeClr val="accent4"/>
                </a:solidFill>
                <a:latin typeface="+mn-lt"/>
                <a:cs typeface="Arial" panose="020B0604020202020204" pitchFamily="34" charset="0"/>
              </a:rPr>
              <a:t> and formatting of the slide placeholders to their default settings</a:t>
            </a:r>
            <a:endParaRPr lang="en-US" altLang="da-DK" sz="900" noProof="1">
              <a:solidFill>
                <a:schemeClr val="accent4"/>
              </a:solidFill>
              <a:latin typeface="+mn-lt"/>
              <a:cs typeface="Arial" panose="020B0604020202020204" pitchFamily="34" charset="0"/>
            </a:endParaRPr>
          </a:p>
          <a:p>
            <a:pPr eaLnBrk="1" hangingPunct="1">
              <a:spcAft>
                <a:spcPts val="600"/>
              </a:spcAft>
              <a:defRPr/>
            </a:pPr>
            <a:endParaRPr lang="en-US" altLang="da-DK" sz="900" b="0" noProof="1">
              <a:solidFill>
                <a:schemeClr val="accent4"/>
              </a:solidFill>
              <a:latin typeface="+mn-lt"/>
              <a:cs typeface="Arial" panose="020B0604020202020204" pitchFamily="34" charset="0"/>
            </a:endParaRPr>
          </a:p>
        </p:txBody>
      </p:sp>
      <p:pic>
        <p:nvPicPr>
          <p:cNvPr id="4" name="Picture 16"/>
          <p:cNvPicPr>
            <a:picLocks noChangeAspect="1"/>
          </p:cNvPicPr>
          <p:nvPr userDrawn="1"/>
        </p:nvPicPr>
        <p:blipFill>
          <a:blip r:embed="rId2"/>
          <a:stretch>
            <a:fillRect/>
          </a:stretch>
        </p:blipFill>
        <p:spPr>
          <a:xfrm>
            <a:off x="2648750" y="1492295"/>
            <a:ext cx="328881" cy="505501"/>
          </a:xfrm>
          <a:prstGeom prst="rect">
            <a:avLst/>
          </a:prstGeom>
        </p:spPr>
      </p:pic>
      <p:pic>
        <p:nvPicPr>
          <p:cNvPr id="5" name="Picture 20"/>
          <p:cNvPicPr>
            <a:picLocks noChangeAspect="1"/>
          </p:cNvPicPr>
          <p:nvPr userDrawn="1"/>
        </p:nvPicPr>
        <p:blipFill>
          <a:blip r:embed="rId3"/>
          <a:stretch>
            <a:fillRect/>
          </a:stretch>
        </p:blipFill>
        <p:spPr>
          <a:xfrm>
            <a:off x="2648750" y="2688100"/>
            <a:ext cx="538465" cy="172841"/>
          </a:xfrm>
          <a:prstGeom prst="rect">
            <a:avLst/>
          </a:prstGeom>
        </p:spPr>
      </p:pic>
      <p:pic>
        <p:nvPicPr>
          <p:cNvPr id="6" name="Picture 5"/>
          <p:cNvPicPr>
            <a:picLocks noChangeAspect="1"/>
          </p:cNvPicPr>
          <p:nvPr userDrawn="1"/>
        </p:nvPicPr>
        <p:blipFill>
          <a:blip r:embed="rId4"/>
          <a:stretch>
            <a:fillRect/>
          </a:stretch>
        </p:blipFill>
        <p:spPr>
          <a:xfrm>
            <a:off x="2648749" y="2143979"/>
            <a:ext cx="475428" cy="176762"/>
          </a:xfrm>
          <a:prstGeom prst="rect">
            <a:avLst/>
          </a:prstGeom>
        </p:spPr>
      </p:pic>
      <p:pic>
        <p:nvPicPr>
          <p:cNvPr id="7" name="Picture 33"/>
          <p:cNvPicPr>
            <a:picLocks noChangeAspect="1"/>
          </p:cNvPicPr>
          <p:nvPr userDrawn="1"/>
        </p:nvPicPr>
        <p:blipFill rotWithShape="1">
          <a:blip r:embed="rId5"/>
          <a:srcRect l="3901" t="45142" r="62601" b="9046"/>
          <a:stretch>
            <a:fillRect/>
          </a:stretch>
        </p:blipFill>
        <p:spPr>
          <a:xfrm>
            <a:off x="6906326" y="1620287"/>
            <a:ext cx="341204" cy="321707"/>
          </a:xfrm>
          <a:prstGeom prst="rect">
            <a:avLst/>
          </a:prstGeom>
        </p:spPr>
      </p:pic>
    </p:spTree>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showMasterSp="0"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p:cNvSpPr>
            <a:spLocks noGrp="1" noRot="1" noMove="1" noResize="1" noEditPoints="1" noAdjustHandles="1" noChangeArrowheads="1" noChangeShapeType="1"/>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noAutofit/>
          </a:bodyPr>
          <a:lstStyle/>
          <a:p>
            <a:pPr algn="ctr">
              <a:spcBef>
                <a:spcPts val="600"/>
              </a:spcBef>
              <a:buClr>
                <a:srgbClr val="003755"/>
              </a:buClr>
            </a:pPr>
            <a:endParaRPr lang="en-US" sz="1400" dirty="0" err="1">
              <a:solidFill>
                <a:schemeClr val="tx1"/>
              </a:solidFill>
            </a:endParaRPr>
          </a:p>
        </p:txBody>
      </p:sp>
      <p:sp>
        <p:nvSpPr>
          <p:cNvPr id="5" name="Do not use"/>
          <p:cNvSpPr txBox="1">
            <a:spLocks noGrp="1" noRot="1" noMove="1" noResize="1" noEditPoints="1" noAdjustHandles="1" noChangeArrowheads="1" noChangeShapeType="1"/>
          </p:cNvSpPr>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pPr>
            <a:r>
              <a:rPr lang="en-US" sz="4400" b="0" noProof="0" dirty="0">
                <a:solidFill>
                  <a:schemeClr val="bg1"/>
                </a:solidFill>
              </a:rPr>
              <a:t>If you see any </a:t>
            </a:r>
            <a:r>
              <a:rPr lang="en-US" sz="4400" b="1" i="1" noProof="0" dirty="0">
                <a:solidFill>
                  <a:schemeClr val="bg1"/>
                </a:solidFill>
              </a:rPr>
              <a:t>layouts after this one,</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p:cNvGrpSpPr>
            <a:grpSpLocks noGrp="1" noRot="1" noMove="1" noResize="1" noUngrp="1"/>
          </p:cNvGrpSpPr>
          <p:nvPr userDrawn="1"/>
        </p:nvGrpSpPr>
        <p:grpSpPr bwMode="black">
          <a:xfrm rot="8100000">
            <a:off x="10404874" y="3325226"/>
            <a:ext cx="1036788" cy="1036788"/>
            <a:chOff x="6096000" y="4963130"/>
            <a:chExt cx="1456719" cy="1456719"/>
          </a:xfrm>
          <a:solidFill>
            <a:schemeClr val="bg1"/>
          </a:solidFill>
        </p:grpSpPr>
        <p:sp>
          <p:nvSpPr>
            <p:cNvPr id="3" name="Rectangle 2"/>
            <p:cNvSpPr>
              <a:spLocks noGrp="1" noRot="1" noMove="1" noResize="1" noEditPoints="1" noAdjustHandles="1" noChangeArrowheads="1" noChangeShapeType="1"/>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noAutofit/>
            </a:bodyPr>
            <a:lstStyle/>
            <a:p>
              <a:pPr algn="ctr">
                <a:spcBef>
                  <a:spcPts val="600"/>
                </a:spcBef>
                <a:buClr>
                  <a:srgbClr val="003755"/>
                </a:buClr>
              </a:pPr>
              <a:endParaRPr lang="en-US" sz="1400" dirty="0" err="1">
                <a:solidFill>
                  <a:schemeClr val="tx1"/>
                </a:solidFill>
              </a:endParaRPr>
            </a:p>
          </p:txBody>
        </p:sp>
        <p:sp>
          <p:nvSpPr>
            <p:cNvPr id="6" name="Rectangle 5"/>
            <p:cNvSpPr>
              <a:spLocks noGrp="1" noRot="1" noMove="1" noResize="1" noEditPoints="1" noAdjustHandles="1" noChangeArrowheads="1" noChangeShapeType="1"/>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noAutofit/>
            </a:bodyPr>
            <a:lstStyle/>
            <a:p>
              <a:pPr algn="ctr">
                <a:spcBef>
                  <a:spcPts val="600"/>
                </a:spcBef>
                <a:buClr>
                  <a:srgbClr val="003755"/>
                </a:buClr>
              </a:pPr>
              <a:endParaRPr lang="en-US" sz="1400" dirty="0" err="1">
                <a:solidFill>
                  <a:schemeClr val="tx1"/>
                </a:solidFill>
              </a:endParaRPr>
            </a:p>
          </p:txBody>
        </p:sp>
      </p:grpSp>
      <p:sp>
        <p:nvSpPr>
          <p:cNvPr id="12" name="Rectangle 11"/>
          <p:cNvSpPr>
            <a:spLocks noGrp="1" noRot="1" noMove="1" noResize="1" noEditPoints="1" noAdjustHandles="1" noChangeArrowheads="1" noChangeShapeType="1"/>
          </p:cNvSpPr>
          <p:nvPr userDrawn="1"/>
        </p:nvSpPr>
        <p:spPr bwMode="invGray">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p:cNvSpPr txBox="1">
            <a:spLocks noGrp="1" noRot="1" noMove="1" noResize="1" noEditPoints="1" noAdjustHandles="1" noChangeArrowheads="1" noChangeShapeType="1"/>
          </p:cNvSpPr>
          <p:nvPr userDrawn="1"/>
        </p:nvSpPr>
        <p:spPr bwMode="invGray">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pPr>
            <a:r>
              <a:rPr lang="en-US" sz="2000" b="0" noProof="0" dirty="0">
                <a:solidFill>
                  <a:schemeClr val="bg1"/>
                </a:solidFill>
              </a:rPr>
              <a:t>Due to PowerPoint’s standard Copy/Paste functionality extra undesirable layouts can appear.</a:t>
            </a:r>
            <a:endParaRPr lang="en-US" dirty="0"/>
          </a:p>
          <a:p>
            <a:pPr marL="0" marR="0" indent="0" algn="ctr" fontAlgn="auto">
              <a:lnSpc>
                <a:spcPct val="100000"/>
              </a:lnSpc>
              <a:spcBef>
                <a:spcPts val="600"/>
              </a:spcBef>
              <a:spcAft>
                <a:spcPts val="0"/>
              </a:spcAft>
              <a:buClr>
                <a:srgbClr val="003755"/>
              </a:buClr>
              <a:buSzTx/>
              <a:buFontTx/>
              <a:buNone/>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p:cNvSpPr>
            <a:spLocks noGrp="1" noRot="1" noMove="1" noResize="1" noEditPoints="1" noAdjustHandles="1" noChangeArrowheads="1" noChangeShapeType="1"/>
          </p:cNvSpPr>
          <p:nvPr>
            <p:ph type="dt" sz="half" idx="10"/>
          </p:nvPr>
        </p:nvSpPr>
        <p:spPr bwMode="invGray">
          <a:xfrm>
            <a:off x="0" y="6912000"/>
            <a:ext cx="0" cy="0"/>
          </a:xfrm>
          <a:prstGeom prst="rect">
            <a:avLst/>
          </a:prstGeom>
        </p:spPr>
        <p:txBody>
          <a:bodyPr/>
          <a:lstStyle>
            <a:lvl1pPr>
              <a:defRPr>
                <a:noFill/>
              </a:defRPr>
            </a:lvl1pPr>
          </a:lstStyle>
          <a:p>
            <a:fld id="{D94AE23B-2641-449D-B618-1A6703EA9828}" type="datetime1">
              <a:rPr lang="en-US" smtClean="0"/>
            </a:fld>
            <a:endParaRPr lang="en-US" dirty="0"/>
          </a:p>
        </p:txBody>
      </p:sp>
      <p:sp>
        <p:nvSpPr>
          <p:cNvPr id="10" name="Footer Placeholder 3"/>
          <p:cNvSpPr>
            <a:spLocks noGrp="1" noRot="1" noMove="1" noResize="1" noEditPoints="1" noAdjustHandles="1" noChangeArrowheads="1" noChangeShapeType="1"/>
          </p:cNvSpPr>
          <p:nvPr>
            <p:ph type="ftr" sz="quarter" idx="11"/>
          </p:nvPr>
        </p:nvSpPr>
        <p:spPr bwMode="invGray">
          <a:xfrm>
            <a:off x="0" y="6912000"/>
            <a:ext cx="0" cy="0"/>
          </a:xfrm>
          <a:prstGeom prst="rect">
            <a:avLst/>
          </a:prstGeom>
        </p:spPr>
        <p:txBody>
          <a:bodyPr/>
          <a:lstStyle>
            <a:lvl1pPr>
              <a:defRPr>
                <a:noFill/>
              </a:defRPr>
            </a:lvl1pPr>
          </a:lstStyle>
          <a:p>
            <a:endParaRPr lang="en-US" dirty="0"/>
          </a:p>
        </p:txBody>
      </p:sp>
      <p:sp>
        <p:nvSpPr>
          <p:cNvPr id="11" name="Slide Number Placeholder 4"/>
          <p:cNvSpPr>
            <a:spLocks noGrp="1" noRot="1" noMove="1" noResize="1" noEditPoints="1" noAdjustHandles="1" noChangeArrowheads="1" noChangeShapeType="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fld>
            <a:endParaRPr lang="en-US" dirty="0"/>
          </a:p>
        </p:txBody>
      </p:sp>
    </p:spTree>
  </p:cSld>
  <p:clrMapOvr>
    <a:masterClrMapping/>
  </p:clrMapOvr>
</p:sldLayout>
</file>

<file path=ppt/slideMasters/_rels/slideMaster1.xml.rels><?xml version="1.0" encoding="UTF-8" standalone="yes"?>
<Relationships xmlns="http://schemas.openxmlformats.org/package/2006/relationships"><Relationship Id="rId93" Type="http://schemas.openxmlformats.org/officeDocument/2006/relationships/theme" Target="../theme/theme1.xml"/><Relationship Id="rId92" Type="http://schemas.openxmlformats.org/officeDocument/2006/relationships/image" Target="../media/image2.emf"/><Relationship Id="rId91" Type="http://schemas.openxmlformats.org/officeDocument/2006/relationships/slideLayout" Target="../slideLayouts/slideLayout91.xml"/><Relationship Id="rId90" Type="http://schemas.openxmlformats.org/officeDocument/2006/relationships/slideLayout" Target="../slideLayouts/slideLayout90.xml"/><Relationship Id="rId9" Type="http://schemas.openxmlformats.org/officeDocument/2006/relationships/slideLayout" Target="../slideLayouts/slideLayout9.xml"/><Relationship Id="rId89" Type="http://schemas.openxmlformats.org/officeDocument/2006/relationships/slideLayout" Target="../slideLayouts/slideLayout89.xml"/><Relationship Id="rId88" Type="http://schemas.openxmlformats.org/officeDocument/2006/relationships/slideLayout" Target="../slideLayouts/slideLayout88.xml"/><Relationship Id="rId87" Type="http://schemas.openxmlformats.org/officeDocument/2006/relationships/slideLayout" Target="../slideLayouts/slideLayout87.xml"/><Relationship Id="rId86" Type="http://schemas.openxmlformats.org/officeDocument/2006/relationships/slideLayout" Target="../slideLayouts/slideLayout86.xml"/><Relationship Id="rId85" Type="http://schemas.openxmlformats.org/officeDocument/2006/relationships/slideLayout" Target="../slideLayouts/slideLayout85.xml"/><Relationship Id="rId84" Type="http://schemas.openxmlformats.org/officeDocument/2006/relationships/slideLayout" Target="../slideLayouts/slideLayout84.xml"/><Relationship Id="rId83" Type="http://schemas.openxmlformats.org/officeDocument/2006/relationships/slideLayout" Target="../slideLayouts/slideLayout83.xml"/><Relationship Id="rId82" Type="http://schemas.openxmlformats.org/officeDocument/2006/relationships/slideLayout" Target="../slideLayouts/slideLayout82.xml"/><Relationship Id="rId81" Type="http://schemas.openxmlformats.org/officeDocument/2006/relationships/slideLayout" Target="../slideLayouts/slideLayout81.xml"/><Relationship Id="rId80" Type="http://schemas.openxmlformats.org/officeDocument/2006/relationships/slideLayout" Target="../slideLayouts/slideLayout80.xml"/><Relationship Id="rId8" Type="http://schemas.openxmlformats.org/officeDocument/2006/relationships/slideLayout" Target="../slideLayouts/slideLayout8.xml"/><Relationship Id="rId79" Type="http://schemas.openxmlformats.org/officeDocument/2006/relationships/slideLayout" Target="../slideLayouts/slideLayout79.xml"/><Relationship Id="rId78" Type="http://schemas.openxmlformats.org/officeDocument/2006/relationships/slideLayout" Target="../slideLayouts/slideLayout78.xml"/><Relationship Id="rId77" Type="http://schemas.openxmlformats.org/officeDocument/2006/relationships/slideLayout" Target="../slideLayouts/slideLayout77.xml"/><Relationship Id="rId76" Type="http://schemas.openxmlformats.org/officeDocument/2006/relationships/slideLayout" Target="../slideLayouts/slideLayout76.xml"/><Relationship Id="rId75" Type="http://schemas.openxmlformats.org/officeDocument/2006/relationships/slideLayout" Target="../slideLayouts/slideLayout75.xml"/><Relationship Id="rId74" Type="http://schemas.openxmlformats.org/officeDocument/2006/relationships/slideLayout" Target="../slideLayouts/slideLayout74.xml"/><Relationship Id="rId73" Type="http://schemas.openxmlformats.org/officeDocument/2006/relationships/slideLayout" Target="../slideLayouts/slideLayout73.xml"/><Relationship Id="rId72" Type="http://schemas.openxmlformats.org/officeDocument/2006/relationships/slideLayout" Target="../slideLayouts/slideLayout72.xml"/><Relationship Id="rId71" Type="http://schemas.openxmlformats.org/officeDocument/2006/relationships/slideLayout" Target="../slideLayouts/slideLayout71.xml"/><Relationship Id="rId70" Type="http://schemas.openxmlformats.org/officeDocument/2006/relationships/slideLayout" Target="../slideLayouts/slideLayout70.xml"/><Relationship Id="rId7" Type="http://schemas.openxmlformats.org/officeDocument/2006/relationships/slideLayout" Target="../slideLayouts/slideLayout7.xml"/><Relationship Id="rId69" Type="http://schemas.openxmlformats.org/officeDocument/2006/relationships/slideLayout" Target="../slideLayouts/slideLayout69.xml"/><Relationship Id="rId68" Type="http://schemas.openxmlformats.org/officeDocument/2006/relationships/slideLayout" Target="../slideLayouts/slideLayout68.xml"/><Relationship Id="rId67" Type="http://schemas.openxmlformats.org/officeDocument/2006/relationships/slideLayout" Target="../slideLayouts/slideLayout67.xml"/><Relationship Id="rId66" Type="http://schemas.openxmlformats.org/officeDocument/2006/relationships/slideLayout" Target="../slideLayouts/slideLayout66.xml"/><Relationship Id="rId65" Type="http://schemas.openxmlformats.org/officeDocument/2006/relationships/slideLayout" Target="../slideLayouts/slideLayout65.xml"/><Relationship Id="rId64" Type="http://schemas.openxmlformats.org/officeDocument/2006/relationships/slideLayout" Target="../slideLayouts/slideLayout64.xml"/><Relationship Id="rId63" Type="http://schemas.openxmlformats.org/officeDocument/2006/relationships/slideLayout" Target="../slideLayouts/slideLayout63.xml"/><Relationship Id="rId62" Type="http://schemas.openxmlformats.org/officeDocument/2006/relationships/slideLayout" Target="../slideLayouts/slideLayout62.xml"/><Relationship Id="rId61" Type="http://schemas.openxmlformats.org/officeDocument/2006/relationships/slideLayout" Target="../slideLayouts/slideLayout61.xml"/><Relationship Id="rId60" Type="http://schemas.openxmlformats.org/officeDocument/2006/relationships/slideLayout" Target="../slideLayouts/slideLayout60.xml"/><Relationship Id="rId6" Type="http://schemas.openxmlformats.org/officeDocument/2006/relationships/slideLayout" Target="../slideLayouts/slideLayout6.xml"/><Relationship Id="rId59" Type="http://schemas.openxmlformats.org/officeDocument/2006/relationships/slideLayout" Target="../slideLayouts/slideLayout59.xml"/><Relationship Id="rId58" Type="http://schemas.openxmlformats.org/officeDocument/2006/relationships/slideLayout" Target="../slideLayouts/slideLayout58.xml"/><Relationship Id="rId57" Type="http://schemas.openxmlformats.org/officeDocument/2006/relationships/slideLayout" Target="../slideLayouts/slideLayout57.xml"/><Relationship Id="rId56" Type="http://schemas.openxmlformats.org/officeDocument/2006/relationships/slideLayout" Target="../slideLayouts/slideLayout56.xml"/><Relationship Id="rId55" Type="http://schemas.openxmlformats.org/officeDocument/2006/relationships/slideLayout" Target="../slideLayouts/slideLayout55.xml"/><Relationship Id="rId54" Type="http://schemas.openxmlformats.org/officeDocument/2006/relationships/slideLayout" Target="../slideLayouts/slideLayout54.xml"/><Relationship Id="rId53" Type="http://schemas.openxmlformats.org/officeDocument/2006/relationships/slideLayout" Target="../slideLayouts/slideLayout53.xml"/><Relationship Id="rId52" Type="http://schemas.openxmlformats.org/officeDocument/2006/relationships/slideLayout" Target="../slideLayouts/slideLayout52.xml"/><Relationship Id="rId51" Type="http://schemas.openxmlformats.org/officeDocument/2006/relationships/slideLayout" Target="../slideLayouts/slideLayout51.xml"/><Relationship Id="rId50" Type="http://schemas.openxmlformats.org/officeDocument/2006/relationships/slideLayout" Target="../slideLayouts/slideLayout50.xml"/><Relationship Id="rId5" Type="http://schemas.openxmlformats.org/officeDocument/2006/relationships/slideLayout" Target="../slideLayouts/slideLayout5.xml"/><Relationship Id="rId49" Type="http://schemas.openxmlformats.org/officeDocument/2006/relationships/slideLayout" Target="../slideLayouts/slideLayout49.xml"/><Relationship Id="rId48" Type="http://schemas.openxmlformats.org/officeDocument/2006/relationships/slideLayout" Target="../slideLayouts/slideLayout48.xml"/><Relationship Id="rId47" Type="http://schemas.openxmlformats.org/officeDocument/2006/relationships/slideLayout" Target="../slideLayouts/slideLayout47.xml"/><Relationship Id="rId46" Type="http://schemas.openxmlformats.org/officeDocument/2006/relationships/slideLayout" Target="../slideLayouts/slideLayout46.xml"/><Relationship Id="rId45" Type="http://schemas.openxmlformats.org/officeDocument/2006/relationships/slideLayout" Target="../slideLayouts/slideLayout45.xml"/><Relationship Id="rId44" Type="http://schemas.openxmlformats.org/officeDocument/2006/relationships/slideLayout" Target="../slideLayouts/slideLayout44.xml"/><Relationship Id="rId43" Type="http://schemas.openxmlformats.org/officeDocument/2006/relationships/slideLayout" Target="../slideLayouts/slideLayout43.xml"/><Relationship Id="rId42" Type="http://schemas.openxmlformats.org/officeDocument/2006/relationships/slideLayout" Target="../slideLayouts/slideLayout42.xml"/><Relationship Id="rId41" Type="http://schemas.openxmlformats.org/officeDocument/2006/relationships/slideLayout" Target="../slideLayouts/slideLayout41.xml"/><Relationship Id="rId40" Type="http://schemas.openxmlformats.org/officeDocument/2006/relationships/slideLayout" Target="../slideLayouts/slideLayout40.xml"/><Relationship Id="rId4" Type="http://schemas.openxmlformats.org/officeDocument/2006/relationships/slideLayout" Target="../slideLayouts/slideLayout4.xml"/><Relationship Id="rId39" Type="http://schemas.openxmlformats.org/officeDocument/2006/relationships/slideLayout" Target="../slideLayouts/slideLayout39.xml"/><Relationship Id="rId38" Type="http://schemas.openxmlformats.org/officeDocument/2006/relationships/slideLayout" Target="../slideLayouts/slideLayout38.xml"/><Relationship Id="rId37" Type="http://schemas.openxmlformats.org/officeDocument/2006/relationships/slideLayout" Target="../slideLayouts/slideLayout37.xml"/><Relationship Id="rId36" Type="http://schemas.openxmlformats.org/officeDocument/2006/relationships/slideLayout" Target="../slideLayouts/slideLayout36.xml"/><Relationship Id="rId35" Type="http://schemas.openxmlformats.org/officeDocument/2006/relationships/slideLayout" Target="../slideLayouts/slideLayout35.xml"/><Relationship Id="rId34" Type="http://schemas.openxmlformats.org/officeDocument/2006/relationships/slideLayout" Target="../slideLayouts/slideLayout34.xml"/><Relationship Id="rId33" Type="http://schemas.openxmlformats.org/officeDocument/2006/relationships/slideLayout" Target="../slideLayouts/slideLayout33.xml"/><Relationship Id="rId32" Type="http://schemas.openxmlformats.org/officeDocument/2006/relationships/slideLayout" Target="../slideLayouts/slideLayout32.xml"/><Relationship Id="rId31" Type="http://schemas.openxmlformats.org/officeDocument/2006/relationships/slideLayout" Target="../slideLayouts/slideLayout31.xml"/><Relationship Id="rId30" Type="http://schemas.openxmlformats.org/officeDocument/2006/relationships/slideLayout" Target="../slideLayouts/slideLayout30.xml"/><Relationship Id="rId3" Type="http://schemas.openxmlformats.org/officeDocument/2006/relationships/slideLayout" Target="../slideLayouts/slideLayout3.xml"/><Relationship Id="rId29" Type="http://schemas.openxmlformats.org/officeDocument/2006/relationships/slideLayout" Target="../slideLayouts/slideLayout29.xml"/><Relationship Id="rId28" Type="http://schemas.openxmlformats.org/officeDocument/2006/relationships/slideLayout" Target="../slideLayouts/slideLayout28.xml"/><Relationship Id="rId27" Type="http://schemas.openxmlformats.org/officeDocument/2006/relationships/slideLayout" Target="../slideLayouts/slideLayout27.xml"/><Relationship Id="rId26" Type="http://schemas.openxmlformats.org/officeDocument/2006/relationships/slideLayout" Target="../slideLayouts/slideLayout26.xml"/><Relationship Id="rId25" Type="http://schemas.openxmlformats.org/officeDocument/2006/relationships/slideLayout" Target="../slideLayouts/slideLayout25.xml"/><Relationship Id="rId24" Type="http://schemas.openxmlformats.org/officeDocument/2006/relationships/slideLayout" Target="../slideLayouts/slideLayout24.xml"/><Relationship Id="rId23" Type="http://schemas.openxmlformats.org/officeDocument/2006/relationships/slideLayout" Target="../slideLayouts/slideLayout23.xml"/><Relationship Id="rId22" Type="http://schemas.openxmlformats.org/officeDocument/2006/relationships/slideLayout" Target="../slideLayouts/slideLayout22.xml"/><Relationship Id="rId21" Type="http://schemas.openxmlformats.org/officeDocument/2006/relationships/slideLayout" Target="../slideLayouts/slideLayout21.xml"/><Relationship Id="rId20" Type="http://schemas.openxmlformats.org/officeDocument/2006/relationships/slideLayout" Target="../slideLayouts/slideLayout20.xml"/><Relationship Id="rId2" Type="http://schemas.openxmlformats.org/officeDocument/2006/relationships/slideLayout" Target="../slideLayouts/slideLayout2.xml"/><Relationship Id="rId19" Type="http://schemas.openxmlformats.org/officeDocument/2006/relationships/slideLayout" Target="../slideLayouts/slideLayout19.xml"/><Relationship Id="rId18" Type="http://schemas.openxmlformats.org/officeDocument/2006/relationships/slideLayout" Target="../slideLayouts/slideLayout18.xml"/><Relationship Id="rId17" Type="http://schemas.openxmlformats.org/officeDocument/2006/relationships/slideLayout" Target="../slideLayouts/slideLayout17.xml"/><Relationship Id="rId16" Type="http://schemas.openxmlformats.org/officeDocument/2006/relationships/slideLayout" Target="../slideLayouts/slideLayout16.xml"/><Relationship Id="rId15" Type="http://schemas.openxmlformats.org/officeDocument/2006/relationships/slideLayout" Target="../slideLayouts/slideLayout15.xml"/><Relationship Id="rId14" Type="http://schemas.openxmlformats.org/officeDocument/2006/relationships/slideLayout" Target="../slideLayouts/slideLayout14.xml"/><Relationship Id="rId13" Type="http://schemas.openxmlformats.org/officeDocument/2006/relationships/slideLayout" Target="../slideLayouts/slideLayout13.xml"/><Relationship Id="rId12" Type="http://schemas.openxmlformats.org/officeDocument/2006/relationships/slideLayout" Target="../slideLayouts/slideLayout12.xml"/><Relationship Id="rId11" Type="http://schemas.openxmlformats.org/officeDocument/2006/relationships/slideLayout" Target="../slideLayouts/slideLayout11.xml"/><Relationship Id="rId10" Type="http://schemas.openxmlformats.org/officeDocument/2006/relationships/slideLayout" Target="../slideLayouts/slideLayout10.xml"/><Relationship Id="rId1" Type="http://schemas.openxmlformats.org/officeDocument/2006/relationships/slideLayout" Target="../slideLayouts/slideLayout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grpSp>
        <p:nvGrpSpPr>
          <p:cNvPr id="15" name="Group grid" hidden="1"/>
          <p:cNvGrpSpPr/>
          <p:nvPr userDrawn="1"/>
        </p:nvGrpSpPr>
        <p:grpSpPr>
          <a:xfrm>
            <a:off x="360000" y="295200"/>
            <a:ext cx="11471999" cy="6224400"/>
            <a:chOff x="360000" y="295200"/>
            <a:chExt cx="11471999" cy="6224400"/>
          </a:xfrm>
        </p:grpSpPr>
        <p:sp>
          <p:nvSpPr>
            <p:cNvPr id="17" name="C1"/>
            <p:cNvSpPr/>
            <p:nvPr/>
          </p:nvSpPr>
          <p:spPr>
            <a:xfrm>
              <a:off x="360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1" name="S1"/>
            <p:cNvSpPr/>
            <p:nvPr/>
          </p:nvSpPr>
          <p:spPr>
            <a:xfrm>
              <a:off x="1151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C2"/>
            <p:cNvSpPr/>
            <p:nvPr/>
          </p:nvSpPr>
          <p:spPr>
            <a:xfrm>
              <a:off x="1331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5" name="S2"/>
            <p:cNvSpPr/>
            <p:nvPr/>
          </p:nvSpPr>
          <p:spPr>
            <a:xfrm>
              <a:off x="2122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7" name="C3"/>
            <p:cNvSpPr/>
            <p:nvPr/>
          </p:nvSpPr>
          <p:spPr>
            <a:xfrm>
              <a:off x="2302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1" name="S3"/>
            <p:cNvSpPr/>
            <p:nvPr/>
          </p:nvSpPr>
          <p:spPr>
            <a:xfrm>
              <a:off x="3093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3" name="C4"/>
            <p:cNvSpPr/>
            <p:nvPr/>
          </p:nvSpPr>
          <p:spPr>
            <a:xfrm>
              <a:off x="3273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5" name="S4"/>
            <p:cNvSpPr/>
            <p:nvPr/>
          </p:nvSpPr>
          <p:spPr>
            <a:xfrm>
              <a:off x="4064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C5"/>
            <p:cNvSpPr/>
            <p:nvPr/>
          </p:nvSpPr>
          <p:spPr>
            <a:xfrm>
              <a:off x="4244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1" name="S5"/>
            <p:cNvSpPr/>
            <p:nvPr/>
          </p:nvSpPr>
          <p:spPr>
            <a:xfrm>
              <a:off x="5035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3" name="C6"/>
            <p:cNvSpPr/>
            <p:nvPr/>
          </p:nvSpPr>
          <p:spPr>
            <a:xfrm>
              <a:off x="5215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5" name="S6"/>
            <p:cNvSpPr/>
            <p:nvPr/>
          </p:nvSpPr>
          <p:spPr>
            <a:xfrm>
              <a:off x="6006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7" name="C7"/>
            <p:cNvSpPr/>
            <p:nvPr/>
          </p:nvSpPr>
          <p:spPr>
            <a:xfrm>
              <a:off x="6186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9" name="S7"/>
            <p:cNvSpPr/>
            <p:nvPr/>
          </p:nvSpPr>
          <p:spPr>
            <a:xfrm>
              <a:off x="6977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1" name="C8"/>
            <p:cNvSpPr/>
            <p:nvPr/>
          </p:nvSpPr>
          <p:spPr>
            <a:xfrm>
              <a:off x="7157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3" name="S8"/>
            <p:cNvSpPr/>
            <p:nvPr/>
          </p:nvSpPr>
          <p:spPr>
            <a:xfrm>
              <a:off x="7948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5" name="C9"/>
            <p:cNvSpPr/>
            <p:nvPr/>
          </p:nvSpPr>
          <p:spPr>
            <a:xfrm>
              <a:off x="8128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6" name="S9"/>
            <p:cNvSpPr/>
            <p:nvPr/>
          </p:nvSpPr>
          <p:spPr>
            <a:xfrm>
              <a:off x="8919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7" name="C10"/>
            <p:cNvSpPr/>
            <p:nvPr/>
          </p:nvSpPr>
          <p:spPr>
            <a:xfrm>
              <a:off x="9099000" y="295200"/>
              <a:ext cx="790999"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8" name="S10"/>
            <p:cNvSpPr/>
            <p:nvPr/>
          </p:nvSpPr>
          <p:spPr>
            <a:xfrm>
              <a:off x="9890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9" name="C11"/>
            <p:cNvSpPr/>
            <p:nvPr/>
          </p:nvSpPr>
          <p:spPr>
            <a:xfrm>
              <a:off x="10070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0" name="S11"/>
            <p:cNvSpPr/>
            <p:nvPr/>
          </p:nvSpPr>
          <p:spPr>
            <a:xfrm>
              <a:off x="10861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1" name="C12"/>
            <p:cNvSpPr/>
            <p:nvPr/>
          </p:nvSpPr>
          <p:spPr>
            <a:xfrm>
              <a:off x="11041000" y="295200"/>
              <a:ext cx="790999"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7" name="Title Placeholder 6"/>
          <p:cNvSpPr>
            <a:spLocks noGrp="1"/>
          </p:cNvSpPr>
          <p:nvPr>
            <p:ph type="title"/>
          </p:nvPr>
        </p:nvSpPr>
        <p:spPr>
          <a:xfrm>
            <a:off x="360000" y="295200"/>
            <a:ext cx="7588800" cy="1411288"/>
          </a:xfrm>
          <a:prstGeom prst="rect">
            <a:avLst/>
          </a:prstGeom>
        </p:spPr>
        <p:txBody>
          <a:bodyPr vert="horz" lIns="0" tIns="0" rIns="0" bIns="0" rtlCol="0" anchor="t" anchorCtr="0">
            <a:noAutofit/>
          </a:bodyPr>
          <a:lstStyle/>
          <a:p>
            <a:r>
              <a:rPr lang="en-US" dirty="0"/>
              <a:t>Click to add title</a:t>
            </a:r>
            <a:endParaRPr lang="en-US" dirty="0"/>
          </a:p>
        </p:txBody>
      </p:sp>
      <p:sp>
        <p:nvSpPr>
          <p:cNvPr id="3" name="Text Placeholder 2"/>
          <p:cNvSpPr>
            <a:spLocks noGrp="1"/>
          </p:cNvSpPr>
          <p:nvPr>
            <p:ph type="body" idx="1"/>
          </p:nvPr>
        </p:nvSpPr>
        <p:spPr>
          <a:xfrm>
            <a:off x="360000" y="1706400"/>
            <a:ext cx="7588800" cy="4041938"/>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5" name="Legal dynamic" descr="{&quot;templafy&quot;:{&quot;id&quot;:&quot;843596fb-3e9e-4eeb-9ffa-e05bd57a2e8f&quot;}}" title="Form.Cigna_Confidentiality.EvernorthConfidentiality"/>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rPr>
              <a:t>Confidential, unpublished property of Evernorth Health Services. Do not duplicate or distribute. Use and distribution limited solely to authorized personnel. © 2025 Evernorth Health Services.</a:t>
            </a:r>
            <a:endParaRPr lang="en-US" sz="1000" b="0" i="0" cap="none" baseline="0" dirty="0">
              <a:solidFill>
                <a:srgbClr val="035C67"/>
              </a:solidFill>
              <a:effectLst/>
              <a:latin typeface="Arial Narrow" panose="020B0606020202030204" pitchFamily="34" charset="0"/>
              <a:ea typeface="Arial" panose="020B0604020202020204" pitchFamily="34" charset="0"/>
              <a:cs typeface="Arial Narrow" panose="020B0606020202030204" pitchFamily="34" charset="0"/>
            </a:endParaRPr>
          </a:p>
        </p:txBody>
      </p:sp>
      <p:sp>
        <p:nvSpPr>
          <p:cNvPr id="8" name="Internal Stamp dynamic" descr="{&quot;templafy&quot;:{&quot;id&quot;:&quot;a6f73592-f9df-4a06-85c9-aecfe1a7f3c7&quot;}}" title="Form.Cigna_Confidentiality.Cigna_confidentiality"/>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6020202030204" pitchFamily="34" charset="0"/>
              <a:ea typeface="+mn-ea"/>
              <a:cs typeface="+mn-cs"/>
            </a:endParaRPr>
          </a:p>
        </p:txBody>
      </p:sp>
      <p:pic>
        <p:nvPicPr>
          <p:cNvPr id="156317004" name="Dynamic logo dark mint" descr="{&quot;templafy&quot;:{&quot;id&quot;:&quot;90a08984-1b52-457f-856f-326376057afd&quot;}}"/>
          <p:cNvPicPr>
            <a:picLocks noChangeAspect="1"/>
          </p:cNvPicPr>
          <p:nvPr/>
        </p:nvPicPr>
        <p:blipFill>
          <a:blip r:embed="rId92"/>
          <a:stretch>
            <a:fillRect/>
          </a:stretch>
        </p:blipFill>
        <p:spPr>
          <a:xfrm>
            <a:off x="346680" y="5882400"/>
            <a:ext cx="2145600" cy="756000"/>
          </a:xfrm>
          <a:prstGeom prst="rect">
            <a:avLst/>
          </a:prstGeom>
        </p:spPr>
      </p:pic>
      <p:sp>
        <p:nvSpPr>
          <p:cNvPr id="9" name="Slide Number Placeholder 8"/>
          <p:cNvSpPr>
            <a:spLocks noGrp="1"/>
          </p:cNvSpPr>
          <p:nvPr>
            <p:ph type="sldNum" sz="quarter" idx="4"/>
          </p:nvPr>
        </p:nvSpPr>
        <p:spPr>
          <a:xfrm>
            <a:off x="11561374" y="6364800"/>
            <a:ext cx="266400" cy="180000"/>
          </a:xfrm>
          <a:prstGeom prst="rect">
            <a:avLst/>
          </a:prstGeom>
        </p:spPr>
        <p:txBody>
          <a:bodyPr vert="horz" lIns="0" tIns="0" rIns="0" bIns="0" rtlCol="0" anchor="b" anchorCtr="0"/>
          <a:lstStyle>
            <a:lvl1pPr algn="r">
              <a:lnSpc>
                <a:spcPct val="90000"/>
              </a:lnSpc>
              <a:defRPr sz="800" spc="80" baseline="0">
                <a:solidFill>
                  <a:srgbClr val="035C67"/>
                </a:solidFill>
                <a:latin typeface="+mn-lt"/>
              </a:defRPr>
            </a:lvl1pPr>
          </a:lstStyle>
          <a:p>
            <a:fld id="{23AA811B-2EBD-4900-905E-5BE206449611}" type="slidenum">
              <a:rPr lang="en-US" smtClean="0"/>
            </a:fld>
            <a:endParaRPr lang="en-US" dirty="0"/>
          </a:p>
        </p:txBody>
      </p:sp>
      <p:sp>
        <p:nvSpPr>
          <p:cNvPr id="11" name="Date Placeholder 10"/>
          <p:cNvSpPr>
            <a:spLocks noGrp="1"/>
          </p:cNvSpPr>
          <p:nvPr>
            <p:ph type="dt" sz="half" idx="2"/>
          </p:nvPr>
        </p:nvSpPr>
        <p:spPr>
          <a:xfrm>
            <a:off x="10630800" y="6364800"/>
            <a:ext cx="691200" cy="180000"/>
          </a:xfrm>
          <a:prstGeom prst="rect">
            <a:avLst/>
          </a:prstGeom>
        </p:spPr>
        <p:txBody>
          <a:bodyPr vert="horz" lIns="0" tIns="0" rIns="0" bIns="0" rtlCol="0" anchor="b" anchorCtr="0"/>
          <a:lstStyle>
            <a:lvl1pPr algn="r">
              <a:defRPr sz="800">
                <a:solidFill>
                  <a:srgbClr val="035C67"/>
                </a:solidFill>
              </a:defRPr>
            </a:lvl1pPr>
          </a:lstStyle>
          <a:p>
            <a:fld id="{B118041E-2DAD-480C-AEE4-E661A097CFE4}" type="datetime1">
              <a:rPr lang="en-US" smtClean="0"/>
            </a:fld>
            <a:endParaRPr lang="en-US" dirty="0"/>
          </a:p>
        </p:txBody>
      </p:sp>
    </p:spTree>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 id="2147483685" r:id="rId37"/>
    <p:sldLayoutId id="2147483686" r:id="rId38"/>
    <p:sldLayoutId id="2147483687" r:id="rId39"/>
    <p:sldLayoutId id="2147483688" r:id="rId40"/>
    <p:sldLayoutId id="2147483689" r:id="rId41"/>
    <p:sldLayoutId id="2147483690" r:id="rId42"/>
    <p:sldLayoutId id="2147483691" r:id="rId43"/>
    <p:sldLayoutId id="2147483692" r:id="rId44"/>
    <p:sldLayoutId id="2147483693" r:id="rId45"/>
    <p:sldLayoutId id="2147483694" r:id="rId46"/>
    <p:sldLayoutId id="2147483695" r:id="rId47"/>
    <p:sldLayoutId id="2147483696" r:id="rId48"/>
    <p:sldLayoutId id="2147483697" r:id="rId49"/>
    <p:sldLayoutId id="2147483698" r:id="rId50"/>
    <p:sldLayoutId id="2147483699" r:id="rId51"/>
    <p:sldLayoutId id="2147483700" r:id="rId52"/>
    <p:sldLayoutId id="2147483701" r:id="rId53"/>
    <p:sldLayoutId id="2147483702" r:id="rId54"/>
    <p:sldLayoutId id="2147483703" r:id="rId55"/>
    <p:sldLayoutId id="2147483704" r:id="rId56"/>
    <p:sldLayoutId id="2147483705" r:id="rId57"/>
    <p:sldLayoutId id="2147483706" r:id="rId58"/>
    <p:sldLayoutId id="2147483707" r:id="rId59"/>
    <p:sldLayoutId id="2147483708" r:id="rId60"/>
    <p:sldLayoutId id="2147483709" r:id="rId61"/>
    <p:sldLayoutId id="2147483710" r:id="rId62"/>
    <p:sldLayoutId id="2147483711" r:id="rId63"/>
    <p:sldLayoutId id="2147483712" r:id="rId64"/>
    <p:sldLayoutId id="2147483713" r:id="rId65"/>
    <p:sldLayoutId id="2147483714" r:id="rId66"/>
    <p:sldLayoutId id="2147483715" r:id="rId67"/>
    <p:sldLayoutId id="2147483716" r:id="rId68"/>
    <p:sldLayoutId id="2147483717" r:id="rId69"/>
    <p:sldLayoutId id="2147483718" r:id="rId70"/>
    <p:sldLayoutId id="2147483719" r:id="rId71"/>
    <p:sldLayoutId id="2147483720" r:id="rId72"/>
    <p:sldLayoutId id="2147483721" r:id="rId73"/>
    <p:sldLayoutId id="2147483722" r:id="rId74"/>
    <p:sldLayoutId id="2147483723" r:id="rId75"/>
    <p:sldLayoutId id="2147483724" r:id="rId76"/>
    <p:sldLayoutId id="2147483725" r:id="rId77"/>
    <p:sldLayoutId id="2147483726" r:id="rId78"/>
    <p:sldLayoutId id="2147483727" r:id="rId79"/>
    <p:sldLayoutId id="2147483728" r:id="rId80"/>
    <p:sldLayoutId id="2147483729" r:id="rId81"/>
    <p:sldLayoutId id="2147483730" r:id="rId82"/>
    <p:sldLayoutId id="2147483731" r:id="rId83"/>
    <p:sldLayoutId id="2147483732" r:id="rId84"/>
    <p:sldLayoutId id="2147483733" r:id="rId85"/>
    <p:sldLayoutId id="2147483734" r:id="rId86"/>
    <p:sldLayoutId id="2147483735" r:id="rId87"/>
    <p:sldLayoutId id="2147483736" r:id="rId88"/>
    <p:sldLayoutId id="2147483737" r:id="rId89"/>
    <p:sldLayoutId id="2147483738" r:id="rId90"/>
    <p:sldLayoutId id="2147483739" r:id="rId91"/>
  </p:sldLayoutIdLst>
  <p:hf hdr="0" ftr="0"/>
  <p:txStyles>
    <p:titleStyle>
      <a:lvl1pPr algn="l" defTabSz="914400" rtl="0" eaLnBrk="1" latinLnBrk="0" hangingPunct="1">
        <a:lnSpc>
          <a:spcPct val="95000"/>
        </a:lnSpc>
        <a:spcBef>
          <a:spcPct val="0"/>
        </a:spcBef>
        <a:buNone/>
        <a:defRPr sz="2800" b="1" kern="1200">
          <a:solidFill>
            <a:schemeClr val="accent3"/>
          </a:solidFill>
          <a:latin typeface="+mj-lt"/>
          <a:ea typeface="+mj-ea"/>
          <a:cs typeface="+mj-cs"/>
        </a:defRPr>
      </a:lvl1pPr>
    </p:titleStyle>
    <p:bodyStyle>
      <a:lvl1pPr marL="179705" indent="-179705" algn="l" defTabSz="914400" rtl="0" eaLnBrk="1" latinLnBrk="0" hangingPunct="1">
        <a:lnSpc>
          <a:spcPct val="120000"/>
        </a:lnSpc>
        <a:spcBef>
          <a:spcPts val="0"/>
        </a:spcBef>
        <a:spcAft>
          <a:spcPts val="300"/>
        </a:spcAft>
        <a:buSzPct val="90000"/>
        <a:buFont typeface="Arial" panose="020B0604020202020204" pitchFamily="34" charset="0"/>
        <a:buChar char="+"/>
        <a:defRPr sz="1400" kern="1200">
          <a:solidFill>
            <a:schemeClr val="tx2"/>
          </a:solidFill>
          <a:latin typeface="+mn-lt"/>
          <a:ea typeface="+mn-ea"/>
          <a:cs typeface="+mn-cs"/>
        </a:defRPr>
      </a:lvl1pPr>
      <a:lvl2pPr marL="360045" indent="-179705" algn="l" defTabSz="914400" rtl="0" eaLnBrk="1" latinLnBrk="0" hangingPunct="1">
        <a:lnSpc>
          <a:spcPct val="120000"/>
        </a:lnSpc>
        <a:spcBef>
          <a:spcPts val="0"/>
        </a:spcBef>
        <a:spcAft>
          <a:spcPts val="300"/>
        </a:spcAft>
        <a:buSzPct val="90000"/>
        <a:buFont typeface="Arial" panose="020B0604020202020204"/>
        <a:buChar char="+"/>
        <a:defRPr sz="1400" kern="1200">
          <a:solidFill>
            <a:schemeClr val="tx2"/>
          </a:solidFill>
          <a:latin typeface="+mn-lt"/>
          <a:ea typeface="+mn-ea"/>
          <a:cs typeface="+mn-cs"/>
        </a:defRPr>
      </a:lvl2pPr>
      <a:lvl3pPr marL="539750" indent="-179705" algn="l" defTabSz="914400" rtl="0" eaLnBrk="1" latinLnBrk="0" hangingPunct="1">
        <a:lnSpc>
          <a:spcPct val="120000"/>
        </a:lnSpc>
        <a:spcBef>
          <a:spcPts val="0"/>
        </a:spcBef>
        <a:spcAft>
          <a:spcPts val="300"/>
        </a:spcAft>
        <a:buSzPct val="90000"/>
        <a:buFont typeface="Arial" panose="020B0604020202020204" pitchFamily="34" charset="0"/>
        <a:buChar char="+"/>
        <a:defRPr sz="1400" kern="1200">
          <a:solidFill>
            <a:schemeClr val="tx2"/>
          </a:solidFill>
          <a:latin typeface="+mn-lt"/>
          <a:ea typeface="+mn-ea"/>
          <a:cs typeface="+mn-cs"/>
        </a:defRPr>
      </a:lvl3pPr>
      <a:lvl4pPr marL="0" indent="0" algn="l" defTabSz="914400" rtl="0" eaLnBrk="1" latinLnBrk="0" hangingPunct="1">
        <a:lnSpc>
          <a:spcPct val="120000"/>
        </a:lnSpc>
        <a:spcBef>
          <a:spcPts val="1800"/>
        </a:spcBef>
        <a:spcAft>
          <a:spcPts val="0"/>
        </a:spcAft>
        <a:buFont typeface="Arial" panose="020B0604020202020204" pitchFamily="34" charset="0"/>
        <a:buChar char="​"/>
        <a:defRPr sz="1400" b="1" kern="1200">
          <a:solidFill>
            <a:schemeClr val="tx2"/>
          </a:solidFill>
          <a:latin typeface="+mn-lt"/>
          <a:ea typeface="+mn-ea"/>
          <a:cs typeface="+mn-cs"/>
        </a:defRPr>
      </a:lvl4pPr>
      <a:lvl5pPr marL="0" indent="0" algn="l" defTabSz="914400" rtl="0" eaLnBrk="1" latinLnBrk="0" hangingPunct="1">
        <a:lnSpc>
          <a:spcPct val="120000"/>
        </a:lnSpc>
        <a:spcBef>
          <a:spcPts val="300"/>
        </a:spcBef>
        <a:spcAft>
          <a:spcPts val="1200"/>
        </a:spcAft>
        <a:buFont typeface="Arial" panose="020B0604020202020204" pitchFamily="34" charset="0"/>
        <a:buChar char="​"/>
        <a:defRPr sz="1400" kern="1200">
          <a:solidFill>
            <a:schemeClr val="tx2"/>
          </a:solidFill>
          <a:latin typeface="+mn-lt"/>
          <a:ea typeface="+mn-ea"/>
          <a:cs typeface="+mn-cs"/>
        </a:defRPr>
      </a:lvl5pPr>
      <a:lvl6pPr marL="107950" indent="-107950" algn="l" defTabSz="914400" rtl="0" eaLnBrk="1" latinLnBrk="0" hangingPunct="1">
        <a:lnSpc>
          <a:spcPct val="90000"/>
        </a:lnSpc>
        <a:spcBef>
          <a:spcPts val="30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90000"/>
        </a:lnSpc>
        <a:spcBef>
          <a:spcPts val="300"/>
        </a:spcBef>
        <a:spcAft>
          <a:spcPts val="600"/>
        </a:spcAft>
        <a:buFont typeface="Arial" panose="020B060402020202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90000"/>
        </a:lnSpc>
        <a:spcBef>
          <a:spcPts val="300"/>
        </a:spcBef>
        <a:spcAft>
          <a:spcPts val="600"/>
        </a:spcAft>
        <a:buFont typeface="Arial" panose="020B0604020202020204" pitchFamily="34" charset="0"/>
        <a:buChar char="​"/>
        <a:defRPr sz="1000" kern="1200">
          <a:solidFill>
            <a:schemeClr val="tx2"/>
          </a:solidFill>
          <a:latin typeface="+mn-lt"/>
          <a:ea typeface="+mn-ea"/>
          <a:cs typeface="+mn-cs"/>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6000" b="1" kern="1200" spc="-150" baseline="0">
          <a:solidFill>
            <a:schemeClr val="tx2"/>
          </a:solidFill>
          <a:latin typeface="Arial Black" panose="020B0A04020102020204" pitchFamily="34" charset="0"/>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6.xml.rels><?xml version="1.0" encoding="UTF-8" standalone="yes"?>
<Relationships xmlns="http://schemas.openxmlformats.org/package/2006/relationships"><Relationship Id="rId5" Type="http://schemas.openxmlformats.org/officeDocument/2006/relationships/slideLayout" Target="../slideLayouts/slideLayout85.xml"/><Relationship Id="rId4" Type="http://schemas.openxmlformats.org/officeDocument/2006/relationships/image" Target="../media/image34.png"/><Relationship Id="rId3" Type="http://schemas.openxmlformats.org/officeDocument/2006/relationships/image" Target="../media/image33.png"/><Relationship Id="rId2" Type="http://schemas.openxmlformats.org/officeDocument/2006/relationships/image" Target="../media/image32.png"/><Relationship Id="rId1" Type="http://schemas.openxmlformats.org/officeDocument/2006/relationships/image" Target="../media/image31.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85.xml"/><Relationship Id="rId2" Type="http://schemas.openxmlformats.org/officeDocument/2006/relationships/image" Target="../media/image36.png"/><Relationship Id="rId1" Type="http://schemas.openxmlformats.org/officeDocument/2006/relationships/image" Target="../media/image35.png"/></Relationships>
</file>

<file path=ppt/slides/_rels/slide8.xml.rels><?xml version="1.0" encoding="UTF-8" standalone="yes"?>
<Relationships xmlns="http://schemas.openxmlformats.org/package/2006/relationships"><Relationship Id="rId2" Type="http://schemas.openxmlformats.org/officeDocument/2006/relationships/slideLayout" Target="../slideLayouts/slideLayout8.xml"/><Relationship Id="rId1" Type="http://schemas.openxmlformats.org/officeDocument/2006/relationships/image" Target="../media/image37.jpeg"/></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8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a:xfrm>
            <a:off x="337457" y="620486"/>
            <a:ext cx="5758543" cy="1573872"/>
          </a:xfrm>
        </p:spPr>
        <p:txBody>
          <a:bodyPr/>
          <a:lstStyle/>
          <a:p>
            <a:br>
              <a:rPr lang="en-US" dirty="0">
                <a:latin typeface="Times New Roman" panose="02020603050405020304" pitchFamily="18" charset="0"/>
                <a:cs typeface="Times New Roman" panose="02020603050405020304" pitchFamily="18" charset="0"/>
              </a:rPr>
            </a:br>
            <a:br>
              <a:rPr lang="en-US" dirty="0">
                <a:latin typeface="Times New Roman" panose="02020603050405020304" pitchFamily="18" charset="0"/>
                <a:cs typeface="Times New Roman" panose="02020603050405020304" pitchFamily="18" charset="0"/>
              </a:rPr>
            </a:br>
            <a:br>
              <a:rPr lang="en-US" dirty="0">
                <a:latin typeface="Times New Roman" panose="02020603050405020304" pitchFamily="18" charset="0"/>
                <a:cs typeface="Times New Roman" panose="02020603050405020304" pitchFamily="18" charset="0"/>
              </a:rPr>
            </a:br>
            <a:r>
              <a:rPr lang="en-IN" altLang="en-US" dirty="0">
                <a:latin typeface="Times New Roman" panose="02020603050405020304" pitchFamily="18" charset="0"/>
                <a:cs typeface="Times New Roman" panose="02020603050405020304" pitchFamily="18" charset="0"/>
              </a:rPr>
              <a:t>Ecalendar </a:t>
            </a:r>
            <a:endParaRPr lang="en-IN" altLang="en-US" dirty="0">
              <a:latin typeface="Times New Roman" panose="02020603050405020304" pitchFamily="18" charset="0"/>
              <a:cs typeface="Times New Roman" panose="02020603050405020304" pitchFamily="18" charset="0"/>
            </a:endParaRPr>
          </a:p>
        </p:txBody>
      </p:sp>
      <p:sp>
        <p:nvSpPr>
          <p:cNvPr id="3" name="Text Placeholder 2"/>
          <p:cNvSpPr>
            <a:spLocks noGrp="1"/>
          </p:cNvSpPr>
          <p:nvPr>
            <p:ph type="body" sz="quarter" idx="13"/>
          </p:nvPr>
        </p:nvSpPr>
        <p:spPr>
          <a:xfrm>
            <a:off x="2590946" y="1775547"/>
            <a:ext cx="3075564" cy="418811"/>
          </a:xfrm>
        </p:spPr>
        <p:txBody>
          <a:bodyPr/>
          <a:lstStyle/>
          <a:p>
            <a:endParaRPr lang="en-US" dirty="0">
              <a:latin typeface="Times New Roman" panose="02020603050405020304" pitchFamily="18" charset="0"/>
              <a:cs typeface="Times New Roman" panose="02020603050405020304" pitchFamily="18" charset="0"/>
            </a:endParaRPr>
          </a:p>
          <a:p>
            <a:endParaRPr lang="en-US" dirty="0"/>
          </a:p>
        </p:txBody>
      </p:sp>
      <p:sp>
        <p:nvSpPr>
          <p:cNvPr id="4" name="Slide Number Placeholder 3"/>
          <p:cNvSpPr>
            <a:spLocks noGrp="1"/>
          </p:cNvSpPr>
          <p:nvPr>
            <p:ph type="sldNum" sz="quarter" idx="15"/>
          </p:nvPr>
        </p:nvSpPr>
        <p:spPr>
          <a:xfrm>
            <a:off x="11561374" y="6364800"/>
            <a:ext cx="266400" cy="180000"/>
          </a:xfrm>
        </p:spPr>
        <p:txBody>
          <a:bodyPr/>
          <a:lstStyle/>
          <a:p>
            <a:fld id="{23AA811B-2EBD-4900-905E-5BE206449611}" type="slidenum">
              <a:rPr lang="en-US" smtClean="0"/>
            </a:fld>
            <a:endParaRPr lang="en-US" dirty="0"/>
          </a:p>
        </p:txBody>
      </p:sp>
      <p:sp>
        <p:nvSpPr>
          <p:cNvPr id="5" name="Date Placeholder 4"/>
          <p:cNvSpPr>
            <a:spLocks noGrp="1"/>
          </p:cNvSpPr>
          <p:nvPr>
            <p:ph type="dt" sz="half" idx="16"/>
          </p:nvPr>
        </p:nvSpPr>
        <p:spPr>
          <a:xfrm>
            <a:off x="10630800" y="6364800"/>
            <a:ext cx="691200" cy="180000"/>
          </a:xfrm>
        </p:spPr>
        <p:txBody>
          <a:bodyPr/>
          <a:lstStyle/>
          <a:p>
            <a:fld id="{B118041E-2DAD-480C-AEE4-E661A097CFE4}" type="datetime1">
              <a:rPr lang="en-US" smtClean="0"/>
            </a:fld>
            <a:endParaRPr lang="en-US" dirty="0"/>
          </a:p>
        </p:txBody>
      </p:sp>
      <p:sp>
        <p:nvSpPr>
          <p:cNvPr id="7" name="Text Box 6"/>
          <p:cNvSpPr txBox="1"/>
          <p:nvPr/>
        </p:nvSpPr>
        <p:spPr>
          <a:xfrm>
            <a:off x="481965" y="2644140"/>
            <a:ext cx="4305935" cy="2954655"/>
          </a:xfrm>
          <a:prstGeom prst="rect">
            <a:avLst/>
          </a:prstGeom>
          <a:noFill/>
        </p:spPr>
        <p:txBody>
          <a:bodyPr wrap="square" lIns="0" tIns="0" rIns="0" bIns="0" rtlCol="0">
            <a:spAutoFit/>
          </a:bodyPr>
          <a:p>
            <a:pPr algn="l"/>
            <a:endParaRPr lang="en-IN" altLang="en-US" sz="2400" dirty="0" err="1" smtClean="0">
              <a:solidFill>
                <a:schemeClr val="tx1"/>
              </a:solidFill>
            </a:endParaRPr>
          </a:p>
          <a:p>
            <a:pPr algn="l"/>
            <a:r>
              <a:rPr lang="en-IN" altLang="en-US" sz="2400" dirty="0" err="1" smtClean="0">
                <a:solidFill>
                  <a:schemeClr val="tx1"/>
                </a:solidFill>
              </a:rPr>
              <a:t>Team Members</a:t>
            </a:r>
            <a:endParaRPr lang="en-IN" altLang="en-US" sz="2400" dirty="0" err="1" smtClean="0">
              <a:solidFill>
                <a:schemeClr val="tx1"/>
              </a:solidFill>
            </a:endParaRPr>
          </a:p>
          <a:p>
            <a:pPr algn="l"/>
            <a:endParaRPr lang="en-IN" altLang="en-US" sz="2400" dirty="0" err="1" smtClean="0">
              <a:solidFill>
                <a:schemeClr val="tx1"/>
              </a:solidFill>
            </a:endParaRPr>
          </a:p>
          <a:p>
            <a:pPr algn="l"/>
            <a:r>
              <a:rPr lang="en-IN" altLang="en-US" sz="2400" dirty="0" err="1" smtClean="0">
                <a:solidFill>
                  <a:schemeClr val="tx1"/>
                </a:solidFill>
              </a:rPr>
              <a:t>  Aravind</a:t>
            </a:r>
            <a:endParaRPr lang="en-IN" altLang="en-US" sz="2400" dirty="0" err="1" smtClean="0">
              <a:solidFill>
                <a:schemeClr val="tx1"/>
              </a:solidFill>
            </a:endParaRPr>
          </a:p>
          <a:p>
            <a:pPr algn="l"/>
            <a:r>
              <a:rPr lang="en-IN" altLang="en-US" sz="2400" dirty="0" err="1" smtClean="0">
                <a:solidFill>
                  <a:schemeClr val="tx1"/>
                </a:solidFill>
              </a:rPr>
              <a:t>  Akshay</a:t>
            </a:r>
            <a:endParaRPr lang="en-IN" altLang="en-US" sz="2400" dirty="0" err="1" smtClean="0">
              <a:solidFill>
                <a:schemeClr val="tx1"/>
              </a:solidFill>
            </a:endParaRPr>
          </a:p>
          <a:p>
            <a:pPr algn="l"/>
            <a:r>
              <a:rPr lang="en-IN" altLang="en-US" sz="2400" dirty="0" err="1" smtClean="0">
                <a:solidFill>
                  <a:schemeClr val="tx1"/>
                </a:solidFill>
              </a:rPr>
              <a:t>  Keerthi</a:t>
            </a:r>
            <a:endParaRPr lang="en-IN" altLang="en-US" sz="2400" dirty="0" err="1" smtClean="0">
              <a:solidFill>
                <a:schemeClr val="tx1"/>
              </a:solidFill>
            </a:endParaRPr>
          </a:p>
          <a:p>
            <a:pPr algn="l"/>
            <a:r>
              <a:rPr lang="en-IN" altLang="en-US" sz="2400" dirty="0" err="1" smtClean="0">
                <a:solidFill>
                  <a:schemeClr val="tx1"/>
                </a:solidFill>
              </a:rPr>
              <a:t>  Poojitha</a:t>
            </a:r>
            <a:endParaRPr lang="en-IN" altLang="en-US" sz="2400" dirty="0" err="1" smtClean="0">
              <a:solidFill>
                <a:schemeClr val="tx1"/>
              </a:solidFill>
            </a:endParaRPr>
          </a:p>
          <a:p>
            <a:pPr algn="l"/>
            <a:r>
              <a:rPr lang="en-IN" altLang="en-US" sz="2400" dirty="0" err="1" smtClean="0">
                <a:solidFill>
                  <a:schemeClr val="tx1"/>
                </a:solidFill>
              </a:rPr>
              <a:t>  Sree Chandra</a:t>
            </a:r>
            <a:endParaRPr lang="en-IN" altLang="en-US" sz="2400" dirty="0" err="1" smtClean="0">
              <a:solidFill>
                <a:schemeClr val="tx1"/>
              </a:solidFill>
            </a:endParaRPr>
          </a:p>
        </p:txBody>
      </p:sp>
    </p:spTree>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a:xfrm>
            <a:off x="554182" y="457199"/>
            <a:ext cx="6941126" cy="919989"/>
          </a:xfrm>
        </p:spPr>
        <p:txBody>
          <a:bodyPr/>
          <a:lstStyle/>
          <a:p>
            <a:pPr algn="ctr"/>
            <a:r>
              <a:rPr lang="en-US" dirty="0">
                <a:latin typeface="Times New Roman" panose="02020603050405020304" pitchFamily="18" charset="0"/>
                <a:cs typeface="Times New Roman" panose="02020603050405020304" pitchFamily="18" charset="0"/>
              </a:rPr>
              <a:t>INTRODUCTION</a:t>
            </a:r>
            <a:endParaRPr lang="en-US" dirty="0">
              <a:latin typeface="Times New Roman" panose="02020603050405020304" pitchFamily="18" charset="0"/>
              <a:cs typeface="Times New Roman" panose="02020603050405020304" pitchFamily="18" charset="0"/>
            </a:endParaRPr>
          </a:p>
        </p:txBody>
      </p:sp>
      <p:sp>
        <p:nvSpPr>
          <p:cNvPr id="3" name="Text Placeholder 2"/>
          <p:cNvSpPr>
            <a:spLocks noGrp="1"/>
          </p:cNvSpPr>
          <p:nvPr>
            <p:ph type="body" sz="quarter" idx="13"/>
          </p:nvPr>
        </p:nvSpPr>
        <p:spPr>
          <a:xfrm>
            <a:off x="359999" y="2416629"/>
            <a:ext cx="7135309" cy="2558490"/>
          </a:xfrm>
        </p:spPr>
        <p:txBody>
          <a:bodyPr/>
          <a:lstStyle/>
          <a:p>
            <a:r>
              <a:rPr lang="en-US" altLang="en-US" sz="2400" dirty="0">
                <a:latin typeface="Segoe UI" panose="020B0502040204020203" pitchFamily="34" charset="0"/>
              </a:rPr>
              <a:t>The E-Calendar System allows user login, event </a:t>
            </a:r>
            <a:r>
              <a:rPr lang="en-IN" altLang="en-US" sz="2400" dirty="0">
                <a:latin typeface="Segoe UI" panose="020B0502040204020203" pitchFamily="34" charset="0"/>
              </a:rPr>
              <a:t>management,and  provides realtime visibility with interactive data visualization </a:t>
            </a:r>
            <a:r>
              <a:rPr lang="en-US" altLang="en-US" sz="2400" dirty="0">
                <a:latin typeface="Segoe UI" panose="020B0502040204020203" pitchFamily="34" charset="0"/>
              </a:rPr>
              <a:t>on a centralized calendar.</a:t>
            </a:r>
            <a:endParaRPr lang="en-US" altLang="en-US" sz="2400" dirty="0">
              <a:latin typeface="Segoe UI" panose="020B0502040204020203" pitchFamily="34" charset="0"/>
            </a:endParaRPr>
          </a:p>
          <a:p>
            <a:endParaRPr lang="en-US" b="0" i="0" dirty="0">
              <a:effectLst/>
              <a:latin typeface="Segoe UI" panose="020B0502040204020203" pitchFamily="34" charset="0"/>
            </a:endParaRPr>
          </a:p>
          <a:p>
            <a:endParaRPr lang="en-US" dirty="0"/>
          </a:p>
          <a:p>
            <a:endParaRPr lang="en-US" dirty="0"/>
          </a:p>
        </p:txBody>
      </p:sp>
      <p:sp>
        <p:nvSpPr>
          <p:cNvPr id="4" name="Slide Number Placeholder 3"/>
          <p:cNvSpPr>
            <a:spLocks noGrp="1"/>
          </p:cNvSpPr>
          <p:nvPr>
            <p:ph type="sldNum" sz="quarter" idx="15"/>
          </p:nvPr>
        </p:nvSpPr>
        <p:spPr/>
        <p:txBody>
          <a:bodyPr/>
          <a:lstStyle/>
          <a:p>
            <a:fld id="{23AA811B-2EBD-4900-905E-5BE206449611}" type="slidenum">
              <a:rPr lang="en-US" smtClean="0"/>
            </a:fld>
            <a:endParaRPr lang="en-US" dirty="0"/>
          </a:p>
        </p:txBody>
      </p:sp>
      <p:sp>
        <p:nvSpPr>
          <p:cNvPr id="5" name="Date Placeholder 4"/>
          <p:cNvSpPr>
            <a:spLocks noGrp="1"/>
          </p:cNvSpPr>
          <p:nvPr>
            <p:ph type="dt" sz="half" idx="16"/>
          </p:nvPr>
        </p:nvSpPr>
        <p:spPr/>
        <p:txBody>
          <a:bodyPr/>
          <a:lstStyle/>
          <a:p>
            <a:fld id="{B118041E-2DAD-480C-AEE4-E661A097CFE4}" type="datetime1">
              <a:rPr lang="en-US" smtClean="0"/>
            </a:fld>
            <a:endParaRPr lang="en-US" dirty="0"/>
          </a:p>
        </p:txBody>
      </p:sp>
    </p:spTree>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a:xfrm>
            <a:off x="360000" y="387927"/>
            <a:ext cx="6608836" cy="1731818"/>
          </a:xfrm>
        </p:spPr>
        <p:txBody>
          <a:bodyPr/>
          <a:lstStyle/>
          <a:p>
            <a:pPr algn="ctr"/>
            <a:r>
              <a:rPr lang="en-US" dirty="0">
                <a:latin typeface="Times New Roman" panose="02020603050405020304" pitchFamily="18" charset="0"/>
                <a:cs typeface="Times New Roman" panose="02020603050405020304" pitchFamily="18" charset="0"/>
              </a:rPr>
              <a:t>PROBLEM STATEMENT</a:t>
            </a:r>
            <a:endParaRPr lang="en-US" dirty="0">
              <a:latin typeface="Times New Roman" panose="02020603050405020304" pitchFamily="18" charset="0"/>
              <a:cs typeface="Times New Roman" panose="02020603050405020304" pitchFamily="18" charset="0"/>
            </a:endParaRPr>
          </a:p>
        </p:txBody>
      </p:sp>
      <p:sp>
        <p:nvSpPr>
          <p:cNvPr id="3" name="Text Placeholder 2"/>
          <p:cNvSpPr>
            <a:spLocks noGrp="1"/>
          </p:cNvSpPr>
          <p:nvPr>
            <p:ph type="body" sz="quarter" idx="13"/>
          </p:nvPr>
        </p:nvSpPr>
        <p:spPr>
          <a:xfrm>
            <a:off x="360000" y="2313709"/>
            <a:ext cx="7052182" cy="3434629"/>
          </a:xfrm>
        </p:spPr>
        <p:txBody>
          <a:bodyPr/>
          <a:lstStyle/>
          <a:p>
            <a:pPr marL="457200" indent="-457200">
              <a:buFont typeface="Arial" panose="020B0604020202020204" pitchFamily="34" charset="0"/>
              <a:buChar char="•"/>
            </a:pPr>
            <a:r>
              <a:rPr lang="en-US" altLang="en-US" sz="2400" b="0" i="0" dirty="0">
                <a:effectLst/>
                <a:latin typeface="Times New Roman" panose="02020603050405020304" pitchFamily="18" charset="0"/>
                <a:cs typeface="Times New Roman" panose="02020603050405020304" pitchFamily="18" charset="0"/>
              </a:rPr>
              <a:t>Managing employee schedules, leaves manually takes a lot of time and effort, often leading to mistakes and miscommunication. </a:t>
            </a:r>
            <a:endParaRPr lang="en-US" altLang="en-US" sz="2400" b="0" i="0" dirty="0">
              <a:effectLst/>
              <a:latin typeface="Times New Roman" panose="02020603050405020304" pitchFamily="18" charset="0"/>
              <a:cs typeface="Times New Roman" panose="02020603050405020304" pitchFamily="18" charset="0"/>
            </a:endParaRPr>
          </a:p>
          <a:p>
            <a:pPr marL="457200" indent="-457200">
              <a:buFont typeface="Arial" panose="020B0604020202020204" pitchFamily="34" charset="0"/>
              <a:buChar char="•"/>
            </a:pPr>
            <a:r>
              <a:rPr lang="en-US" altLang="en-US" sz="2400" b="0" i="0" dirty="0">
                <a:effectLst/>
                <a:latin typeface="Times New Roman" panose="02020603050405020304" pitchFamily="18" charset="0"/>
                <a:cs typeface="Times New Roman" panose="02020603050405020304" pitchFamily="18" charset="0"/>
              </a:rPr>
              <a:t>Managers have to track everything manually,</a:t>
            </a:r>
            <a:r>
              <a:rPr lang="en-IN" altLang="en-US" sz="2400" b="0" i="0" dirty="0">
                <a:effectLst/>
                <a:latin typeface="Times New Roman" panose="02020603050405020304" pitchFamily="18" charset="0"/>
                <a:cs typeface="Times New Roman" panose="02020603050405020304" pitchFamily="18" charset="0"/>
              </a:rPr>
              <a:t> </a:t>
            </a:r>
            <a:r>
              <a:rPr lang="en-US" altLang="en-US" sz="2400" b="0" i="0" dirty="0">
                <a:effectLst/>
                <a:latin typeface="Times New Roman" panose="02020603050405020304" pitchFamily="18" charset="0"/>
                <a:cs typeface="Times New Roman" panose="02020603050405020304" pitchFamily="18" charset="0"/>
              </a:rPr>
              <a:t>updating records which can be frustrating and inefficient. </a:t>
            </a:r>
            <a:endParaRPr lang="en-US" altLang="en-US" sz="2400" b="0" i="0" dirty="0">
              <a:effectLst/>
              <a:latin typeface="Times New Roman" panose="02020603050405020304" pitchFamily="18" charset="0"/>
              <a:cs typeface="Times New Roman" panose="02020603050405020304" pitchFamily="18" charset="0"/>
            </a:endParaRPr>
          </a:p>
          <a:p>
            <a:pPr marL="457200" indent="-457200">
              <a:buFont typeface="Arial" panose="020B0604020202020204" pitchFamily="34" charset="0"/>
              <a:buChar char="•"/>
            </a:pPr>
            <a:r>
              <a:rPr lang="en-US" altLang="en-US" sz="2400" b="0" i="0" dirty="0">
                <a:effectLst/>
                <a:latin typeface="Times New Roman" panose="02020603050405020304" pitchFamily="18" charset="0"/>
                <a:cs typeface="Times New Roman" panose="02020603050405020304" pitchFamily="18" charset="0"/>
              </a:rPr>
              <a:t>There is a need for an automated system which provides seamless attendance tracking and data visualization for better decision making.</a:t>
            </a:r>
            <a:endParaRPr lang="en-US" altLang="en-US" sz="2400" b="0" i="0" dirty="0">
              <a:effectLst/>
              <a:latin typeface="Times New Roman" panose="02020603050405020304" pitchFamily="18" charset="0"/>
              <a:cs typeface="Times New Roman" panose="02020603050405020304" pitchFamily="18" charset="0"/>
            </a:endParaRPr>
          </a:p>
          <a:p>
            <a:pPr>
              <a:buFont typeface="Arial" panose="020B0604020202020204" pitchFamily="34" charset="0"/>
            </a:pPr>
            <a:endParaRPr lang="en-US" altLang="en-US" sz="2400" b="0" i="0" dirty="0">
              <a:effectLst/>
              <a:latin typeface="Times New Roman" panose="02020603050405020304" pitchFamily="18" charset="0"/>
              <a:cs typeface="Times New Roman" panose="02020603050405020304" pitchFamily="18" charset="0"/>
            </a:endParaRPr>
          </a:p>
        </p:txBody>
      </p:sp>
      <p:sp>
        <p:nvSpPr>
          <p:cNvPr id="4" name="Slide Number Placeholder 3"/>
          <p:cNvSpPr>
            <a:spLocks noGrp="1"/>
          </p:cNvSpPr>
          <p:nvPr>
            <p:ph type="sldNum" sz="quarter" idx="15"/>
          </p:nvPr>
        </p:nvSpPr>
        <p:spPr/>
        <p:txBody>
          <a:bodyPr/>
          <a:lstStyle/>
          <a:p>
            <a:fld id="{23AA811B-2EBD-4900-905E-5BE206449611}" type="slidenum">
              <a:rPr lang="en-US" smtClean="0"/>
            </a:fld>
            <a:endParaRPr lang="en-US" dirty="0"/>
          </a:p>
        </p:txBody>
      </p:sp>
      <p:sp>
        <p:nvSpPr>
          <p:cNvPr id="5" name="Date Placeholder 4"/>
          <p:cNvSpPr>
            <a:spLocks noGrp="1"/>
          </p:cNvSpPr>
          <p:nvPr>
            <p:ph type="dt" sz="half" idx="16"/>
          </p:nvPr>
        </p:nvSpPr>
        <p:spPr/>
        <p:txBody>
          <a:bodyPr/>
          <a:lstStyle/>
          <a:p>
            <a:fld id="{B118041E-2DAD-480C-AEE4-E661A097CFE4}" type="datetime1">
              <a:rPr lang="en-US" smtClean="0"/>
            </a:fld>
            <a:endParaRPr lang="en-US" dirty="0"/>
          </a:p>
        </p:txBody>
      </p:sp>
    </p:spTree>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p:transition spd="slow">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p:sp>
        <p:nvSpPr>
          <p:cNvPr id="2" name="Title 1"/>
          <p:cNvSpPr>
            <a:spLocks noGrp="1"/>
          </p:cNvSpPr>
          <p:nvPr>
            <p:ph type="ctrTitle"/>
          </p:nvPr>
        </p:nvSpPr>
        <p:spPr>
          <a:xfrm rot="10800000" flipV="1">
            <a:off x="843280" y="1056640"/>
            <a:ext cx="5163820" cy="397510"/>
          </a:xfrm>
        </p:spPr>
        <p:txBody>
          <a:bodyPr/>
          <a:p>
            <a:r>
              <a:rPr lang="en-IN" altLang="en-US" sz="4800"/>
              <a:t>TECHNOLOGIES</a:t>
            </a:r>
            <a:endParaRPr lang="en-IN" altLang="en-US" sz="4800"/>
          </a:p>
        </p:txBody>
      </p:sp>
      <p:sp>
        <p:nvSpPr>
          <p:cNvPr id="3" name="Text Placeholder 2"/>
          <p:cNvSpPr>
            <a:spLocks noGrp="1"/>
          </p:cNvSpPr>
          <p:nvPr>
            <p:ph type="body" sz="quarter" idx="13"/>
          </p:nvPr>
        </p:nvSpPr>
        <p:spPr>
          <a:xfrm>
            <a:off x="360045" y="1915160"/>
            <a:ext cx="5647055" cy="3832860"/>
          </a:xfrm>
        </p:spPr>
        <p:txBody>
          <a:bodyPr/>
          <a:p>
            <a:pPr marL="457200" indent="-457200">
              <a:buFont typeface="Arial" panose="020B0604020202020204" pitchFamily="34" charset="0"/>
              <a:buChar char="•"/>
            </a:pPr>
            <a:r>
              <a:rPr lang="en-IN" altLang="en-US" sz="2800"/>
              <a:t>Java</a:t>
            </a:r>
            <a:endParaRPr lang="en-IN" altLang="en-US" sz="2800"/>
          </a:p>
          <a:p>
            <a:pPr marL="457200" indent="-457200">
              <a:buFont typeface="Arial" panose="020B0604020202020204" pitchFamily="34" charset="0"/>
              <a:buChar char="•"/>
            </a:pPr>
            <a:r>
              <a:rPr lang="en-IN" altLang="en-US" sz="2800"/>
              <a:t>Spring Boot</a:t>
            </a:r>
            <a:endParaRPr lang="en-IN" altLang="en-US" sz="2800"/>
          </a:p>
          <a:p>
            <a:pPr marL="457200" indent="-457200">
              <a:buFont typeface="Arial" panose="020B0604020202020204" pitchFamily="34" charset="0"/>
              <a:buChar char="•"/>
            </a:pPr>
            <a:r>
              <a:rPr lang="en-IN" altLang="en-US" sz="2800"/>
              <a:t>React</a:t>
            </a:r>
            <a:endParaRPr lang="en-IN" altLang="en-US" sz="2800"/>
          </a:p>
          <a:p>
            <a:pPr marL="457200" indent="-457200">
              <a:buFont typeface="Arial" panose="020B0604020202020204" pitchFamily="34" charset="0"/>
              <a:buChar char="•"/>
            </a:pPr>
            <a:r>
              <a:rPr lang="en-IN" altLang="en-US" sz="2800"/>
              <a:t>MySQL</a:t>
            </a:r>
            <a:endParaRPr lang="en-IN" altLang="en-US" sz="2800"/>
          </a:p>
        </p:txBody>
      </p:sp>
      <p:sp>
        <p:nvSpPr>
          <p:cNvPr id="4" name="Slide Number Placeholder 3"/>
          <p:cNvSpPr>
            <a:spLocks noGrp="1"/>
          </p:cNvSpPr>
          <p:nvPr>
            <p:ph type="sldNum" sz="quarter" idx="15"/>
          </p:nvPr>
        </p:nvSpPr>
        <p:spPr/>
        <p:txBody>
          <a:bodyPr/>
          <a:p>
            <a:fld id="{23AA811B-2EBD-4900-905E-5BE206449611}" type="slidenum">
              <a:rPr lang="en-US" smtClean="0"/>
            </a:fld>
            <a:endParaRPr lang="en-US" dirty="0"/>
          </a:p>
        </p:txBody>
      </p:sp>
      <p:sp>
        <p:nvSpPr>
          <p:cNvPr id="5" name="Date Placeholder 4"/>
          <p:cNvSpPr>
            <a:spLocks noGrp="1"/>
          </p:cNvSpPr>
          <p:nvPr>
            <p:ph type="dt" sz="half" idx="16"/>
          </p:nvPr>
        </p:nvSpPr>
        <p:spPr/>
        <p:txBody>
          <a:bodyPr/>
          <a:p>
            <a:fld id="{B118041E-2DAD-480C-AEE4-E661A097CFE4}" type="datetime1">
              <a:rPr lang="en-US" smtClean="0"/>
            </a:fld>
            <a:endParaRPr lang="en-US" dirty="0"/>
          </a:p>
        </p:txBody>
      </p:sp>
    </p:spTree>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637091" y="2535708"/>
            <a:ext cx="3704000" cy="1329709"/>
          </a:xfrm>
        </p:spPr>
        <p:txBody>
          <a:bodyPr/>
          <a:lstStyle/>
          <a:p>
            <a:r>
              <a:rPr lang="en-US" dirty="0"/>
              <a:t>OBJECTIVES AND GOALS</a:t>
            </a:r>
            <a:endParaRPr lang="en-US" dirty="0"/>
          </a:p>
        </p:txBody>
      </p:sp>
      <p:sp>
        <p:nvSpPr>
          <p:cNvPr id="3" name="Text Placeholder 2"/>
          <p:cNvSpPr>
            <a:spLocks noGrp="1"/>
          </p:cNvSpPr>
          <p:nvPr>
            <p:ph type="body" sz="quarter" idx="17"/>
          </p:nvPr>
        </p:nvSpPr>
        <p:spPr>
          <a:xfrm>
            <a:off x="5367655" y="1384300"/>
            <a:ext cx="5799455" cy="4446905"/>
          </a:xfrm>
        </p:spPr>
        <p:txBody>
          <a:bodyPr/>
          <a:lstStyle/>
          <a:p>
            <a:pPr marL="285750" indent="-285750">
              <a:buFont typeface="Courier New" panose="02070309020205020404" pitchFamily="49" charset="0"/>
              <a:buChar char="o"/>
            </a:pPr>
            <a:r>
              <a:rPr lang="en-US" altLang="en-US" sz="2400" dirty="0"/>
              <a:t>Develop a user-friendly system for employee and manager login.</a:t>
            </a:r>
            <a:endParaRPr lang="en-US" altLang="en-US" sz="2400" dirty="0"/>
          </a:p>
          <a:p>
            <a:pPr marL="285750" indent="-285750">
              <a:buFont typeface="Courier New" panose="02070309020205020404" pitchFamily="49" charset="0"/>
              <a:buChar char="o"/>
            </a:pPr>
            <a:r>
              <a:rPr lang="en-US" altLang="en-US" sz="2400" dirty="0"/>
              <a:t>Allow </a:t>
            </a:r>
            <a:r>
              <a:rPr lang="en-IN" altLang="en-US" sz="2400" dirty="0"/>
              <a:t>managers</a:t>
            </a:r>
            <a:r>
              <a:rPr lang="en-US" altLang="en-US" sz="2400" dirty="0"/>
              <a:t> to add, view, and manage schedules for a day, week, month, or year.</a:t>
            </a:r>
            <a:endParaRPr lang="en-US" altLang="en-US" sz="2400" dirty="0"/>
          </a:p>
          <a:p>
            <a:pPr marL="285750" indent="-285750">
              <a:buFont typeface="Courier New" panose="02070309020205020404" pitchFamily="49" charset="0"/>
              <a:buChar char="o"/>
            </a:pPr>
            <a:r>
              <a:rPr lang="en-US" altLang="en-US" sz="2400" dirty="0"/>
              <a:t>Enable managers to track employee leave data with bar chart visualization.</a:t>
            </a:r>
            <a:endParaRPr lang="en-US" altLang="en-US" sz="2400" dirty="0"/>
          </a:p>
          <a:p>
            <a:pPr marL="285750" indent="-285750">
              <a:buFont typeface="Courier New" panose="02070309020205020404" pitchFamily="49" charset="0"/>
              <a:buChar char="o"/>
            </a:pPr>
            <a:r>
              <a:rPr lang="en-US" altLang="en-US" sz="2400" dirty="0"/>
              <a:t>Ensure real-time updates and accessibility for efficient scheduling.</a:t>
            </a:r>
            <a:endParaRPr lang="en-US" altLang="en-US" sz="2400" dirty="0"/>
          </a:p>
          <a:p>
            <a:pPr marL="285750" indent="-285750">
              <a:buFont typeface="Courier New" panose="02070309020205020404" pitchFamily="49" charset="0"/>
              <a:buChar char="o"/>
            </a:pPr>
            <a:r>
              <a:rPr lang="en-US" altLang="en-US" sz="2400" dirty="0"/>
              <a:t>Provide </a:t>
            </a:r>
            <a:r>
              <a:rPr lang="en-IN" altLang="en-US" sz="2400" dirty="0"/>
              <a:t>employees</a:t>
            </a:r>
            <a:r>
              <a:rPr lang="en-US" altLang="en-US" sz="2400" dirty="0"/>
              <a:t> with a clear view of  attendance trends.</a:t>
            </a:r>
            <a:r>
              <a:rPr lang="en-IN" altLang="en-US" sz="2400" dirty="0"/>
              <a:t>.</a:t>
            </a:r>
            <a:endParaRPr lang="en-US" altLang="en-US" sz="2400" dirty="0"/>
          </a:p>
          <a:p>
            <a:pPr>
              <a:buFont typeface="Courier New" panose="02070309020205020404" pitchFamily="49" charset="0"/>
              <a:buNone/>
            </a:pPr>
            <a:endParaRPr lang="en-US" sz="2400" dirty="0"/>
          </a:p>
        </p:txBody>
      </p:sp>
      <p:sp>
        <p:nvSpPr>
          <p:cNvPr id="4" name="Slide Number Placeholder 3"/>
          <p:cNvSpPr>
            <a:spLocks noGrp="1"/>
          </p:cNvSpPr>
          <p:nvPr>
            <p:ph type="sldNum" sz="quarter" idx="19"/>
          </p:nvPr>
        </p:nvSpPr>
        <p:spPr/>
        <p:txBody>
          <a:bodyPr/>
          <a:lstStyle/>
          <a:p>
            <a:fld id="{23AA811B-2EBD-4900-905E-5BE206449611}" type="slidenum">
              <a:rPr lang="en-US" smtClean="0"/>
            </a:fld>
            <a:endParaRPr lang="en-US" dirty="0"/>
          </a:p>
        </p:txBody>
      </p:sp>
      <p:sp>
        <p:nvSpPr>
          <p:cNvPr id="5" name="Date Placeholder 4"/>
          <p:cNvSpPr>
            <a:spLocks noGrp="1"/>
          </p:cNvSpPr>
          <p:nvPr>
            <p:ph type="dt" sz="half" idx="20"/>
          </p:nvPr>
        </p:nvSpPr>
        <p:spPr/>
        <p:txBody>
          <a:bodyPr/>
          <a:lstStyle/>
          <a:p>
            <a:fld id="{B118041E-2DAD-480C-AEE4-E661A097CFE4}" type="datetime1">
              <a:rPr lang="en-US" smtClean="0"/>
            </a:fld>
            <a:endParaRPr lang="en-US" dirty="0"/>
          </a:p>
        </p:txBody>
      </p:sp>
    </p:spTree>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p:cNvSpPr>
            <a:spLocks noGrp="1"/>
          </p:cNvSpPr>
          <p:nvPr>
            <p:ph type="sldNum" sz="quarter" idx="11"/>
          </p:nvPr>
        </p:nvSpPr>
        <p:spPr/>
        <p:txBody>
          <a:bodyPr/>
          <a:lstStyle/>
          <a:p>
            <a:fld id="{23AA811B-2EBD-4900-905E-5BE206449611}" type="slidenum">
              <a:rPr lang="en-US" smtClean="0"/>
            </a:fld>
            <a:endParaRPr lang="en-US" dirty="0"/>
          </a:p>
        </p:txBody>
      </p:sp>
      <p:sp>
        <p:nvSpPr>
          <p:cNvPr id="3" name="Date Placeholder 2"/>
          <p:cNvSpPr>
            <a:spLocks noGrp="1"/>
          </p:cNvSpPr>
          <p:nvPr>
            <p:ph type="dt" sz="half" idx="12"/>
          </p:nvPr>
        </p:nvSpPr>
        <p:spPr/>
        <p:txBody>
          <a:bodyPr/>
          <a:lstStyle/>
          <a:p>
            <a:fld id="{B118041E-2DAD-480C-AEE4-E661A097CFE4}" type="datetime1">
              <a:rPr lang="en-US" smtClean="0"/>
            </a:fld>
            <a:endParaRPr lang="en-US" dirty="0"/>
          </a:p>
        </p:txBody>
      </p:sp>
      <p:pic>
        <p:nvPicPr>
          <p:cNvPr id="4" name="Picture 3"/>
          <p:cNvPicPr>
            <a:picLocks noChangeAspect="1"/>
          </p:cNvPicPr>
          <p:nvPr/>
        </p:nvPicPr>
        <p:blipFill>
          <a:blip r:embed="rId1"/>
          <a:stretch>
            <a:fillRect/>
          </a:stretch>
        </p:blipFill>
        <p:spPr>
          <a:xfrm>
            <a:off x="786765" y="626745"/>
            <a:ext cx="4982845" cy="2730500"/>
          </a:xfrm>
          <a:prstGeom prst="rect">
            <a:avLst/>
          </a:prstGeom>
        </p:spPr>
      </p:pic>
      <p:pic>
        <p:nvPicPr>
          <p:cNvPr id="5" name="Picture 4"/>
          <p:cNvPicPr>
            <a:picLocks noChangeAspect="1"/>
          </p:cNvPicPr>
          <p:nvPr/>
        </p:nvPicPr>
        <p:blipFill>
          <a:blip r:embed="rId2"/>
          <a:stretch>
            <a:fillRect/>
          </a:stretch>
        </p:blipFill>
        <p:spPr>
          <a:xfrm>
            <a:off x="6191250" y="627380"/>
            <a:ext cx="5370195" cy="2729865"/>
          </a:xfrm>
          <a:prstGeom prst="rect">
            <a:avLst/>
          </a:prstGeom>
        </p:spPr>
      </p:pic>
      <p:pic>
        <p:nvPicPr>
          <p:cNvPr id="6" name="Picture 5"/>
          <p:cNvPicPr>
            <a:picLocks noChangeAspect="1"/>
          </p:cNvPicPr>
          <p:nvPr/>
        </p:nvPicPr>
        <p:blipFill>
          <a:blip r:embed="rId3"/>
          <a:stretch>
            <a:fillRect/>
          </a:stretch>
        </p:blipFill>
        <p:spPr>
          <a:xfrm>
            <a:off x="786765" y="3564255"/>
            <a:ext cx="5084445" cy="2518410"/>
          </a:xfrm>
          <a:prstGeom prst="rect">
            <a:avLst/>
          </a:prstGeom>
        </p:spPr>
      </p:pic>
      <p:pic>
        <p:nvPicPr>
          <p:cNvPr id="7" name="Picture 6"/>
          <p:cNvPicPr>
            <a:picLocks noChangeAspect="1"/>
          </p:cNvPicPr>
          <p:nvPr/>
        </p:nvPicPr>
        <p:blipFill>
          <a:blip r:embed="rId4"/>
          <a:stretch>
            <a:fillRect/>
          </a:stretch>
        </p:blipFill>
        <p:spPr>
          <a:xfrm>
            <a:off x="6264910" y="3492500"/>
            <a:ext cx="5296535" cy="2589530"/>
          </a:xfrm>
          <a:prstGeom prst="rect">
            <a:avLst/>
          </a:prstGeom>
        </p:spPr>
      </p:pic>
    </p:spTree>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p:sp>
        <p:nvSpPr>
          <p:cNvPr id="2" name="Slide Number Placeholder 1"/>
          <p:cNvSpPr>
            <a:spLocks noGrp="1"/>
          </p:cNvSpPr>
          <p:nvPr>
            <p:ph type="sldNum" sz="quarter" idx="11"/>
          </p:nvPr>
        </p:nvSpPr>
        <p:spPr/>
        <p:txBody>
          <a:bodyPr/>
          <a:p>
            <a:fld id="{23AA811B-2EBD-4900-905E-5BE206449611}" type="slidenum">
              <a:rPr lang="en-US" smtClean="0"/>
            </a:fld>
            <a:endParaRPr lang="en-US" dirty="0"/>
          </a:p>
        </p:txBody>
      </p:sp>
      <p:sp>
        <p:nvSpPr>
          <p:cNvPr id="3" name="Date Placeholder 2"/>
          <p:cNvSpPr>
            <a:spLocks noGrp="1"/>
          </p:cNvSpPr>
          <p:nvPr>
            <p:ph type="dt" sz="half" idx="12"/>
          </p:nvPr>
        </p:nvSpPr>
        <p:spPr/>
        <p:txBody>
          <a:bodyPr/>
          <a:p>
            <a:fld id="{B118041E-2DAD-480C-AEE4-E661A097CFE4}" type="datetime1">
              <a:rPr lang="en-US" smtClean="0"/>
            </a:fld>
            <a:endParaRPr lang="en-US" dirty="0"/>
          </a:p>
        </p:txBody>
      </p:sp>
      <p:pic>
        <p:nvPicPr>
          <p:cNvPr id="4" name="Picture 3"/>
          <p:cNvPicPr>
            <a:picLocks noChangeAspect="1"/>
          </p:cNvPicPr>
          <p:nvPr/>
        </p:nvPicPr>
        <p:blipFill>
          <a:blip r:embed="rId1"/>
          <a:stretch>
            <a:fillRect/>
          </a:stretch>
        </p:blipFill>
        <p:spPr>
          <a:xfrm>
            <a:off x="436880" y="1823085"/>
            <a:ext cx="5270500" cy="2146300"/>
          </a:xfrm>
          <a:prstGeom prst="rect">
            <a:avLst/>
          </a:prstGeom>
        </p:spPr>
      </p:pic>
      <p:pic>
        <p:nvPicPr>
          <p:cNvPr id="5" name="Picture 4"/>
          <p:cNvPicPr>
            <a:picLocks noChangeAspect="1"/>
          </p:cNvPicPr>
          <p:nvPr/>
        </p:nvPicPr>
        <p:blipFill>
          <a:blip r:embed="rId2"/>
          <a:stretch>
            <a:fillRect/>
          </a:stretch>
        </p:blipFill>
        <p:spPr>
          <a:xfrm>
            <a:off x="6548120" y="1929765"/>
            <a:ext cx="5390515" cy="2135505"/>
          </a:xfrm>
          <a:prstGeom prst="rect">
            <a:avLst/>
          </a:prstGeom>
        </p:spPr>
      </p:pic>
    </p:spTree>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Placeholder 10" descr="A close-up of vials and a syringe&#10;&#10;Description automatically generated"/>
          <p:cNvPicPr>
            <a:picLocks noGrp="1" noChangeAspect="1"/>
          </p:cNvPicPr>
          <p:nvPr>
            <p:ph type="pic" sz="quarter" idx="16"/>
          </p:nvPr>
        </p:nvPicPr>
        <p:blipFill>
          <a:blip r:embed="rId1">
            <a:extLst>
              <a:ext uri="{28A0092B-C50C-407E-A947-70E740481C1C}">
                <a14:useLocalDpi xmlns:a14="http://schemas.microsoft.com/office/drawing/2010/main" val="0"/>
              </a:ext>
            </a:extLst>
          </a:blip>
          <a:srcRect l="12321" r="12321"/>
          <a:stretch>
            <a:fillRect/>
          </a:stretch>
        </p:blipFill>
        <p:spPr/>
      </p:pic>
      <p:sp>
        <p:nvSpPr>
          <p:cNvPr id="3" name="Title 2"/>
          <p:cNvSpPr>
            <a:spLocks noGrp="1"/>
          </p:cNvSpPr>
          <p:nvPr>
            <p:ph type="ctrTitle"/>
          </p:nvPr>
        </p:nvSpPr>
        <p:spPr>
          <a:xfrm>
            <a:off x="3260729" y="333591"/>
            <a:ext cx="3805089" cy="933844"/>
          </a:xfrm>
        </p:spPr>
        <p:txBody>
          <a:bodyPr/>
          <a:lstStyle/>
          <a:p>
            <a:r>
              <a:rPr lang="en-US" dirty="0">
                <a:latin typeface="Times New Roman" panose="02020603050405020304" pitchFamily="18" charset="0"/>
                <a:cs typeface="Times New Roman" panose="02020603050405020304" pitchFamily="18" charset="0"/>
              </a:rPr>
              <a:t>Conclusion</a:t>
            </a:r>
            <a:endParaRPr lang="en-US" dirty="0">
              <a:latin typeface="Times New Roman" panose="02020603050405020304" pitchFamily="18" charset="0"/>
              <a:cs typeface="Times New Roman" panose="02020603050405020304" pitchFamily="18" charset="0"/>
            </a:endParaRPr>
          </a:p>
        </p:txBody>
      </p:sp>
      <p:sp>
        <p:nvSpPr>
          <p:cNvPr id="4" name="Text Placeholder 3"/>
          <p:cNvSpPr>
            <a:spLocks noGrp="1"/>
          </p:cNvSpPr>
          <p:nvPr>
            <p:ph type="body" sz="quarter" idx="13"/>
          </p:nvPr>
        </p:nvSpPr>
        <p:spPr>
          <a:xfrm>
            <a:off x="360000" y="1601024"/>
            <a:ext cx="5736000" cy="4122873"/>
          </a:xfrm>
        </p:spPr>
        <p:txBody>
          <a:bodyPr/>
          <a:lstStyle/>
          <a:p>
            <a:pPr marL="342900" indent="-342900">
              <a:lnSpc>
                <a:spcPct val="150000"/>
              </a:lnSpc>
              <a:buFont typeface="Arial" panose="020B0604020202020204" pitchFamily="34" charset="0"/>
              <a:buChar char="•"/>
            </a:pPr>
            <a:r>
              <a:rPr lang="en-US" altLang="en-US" b="0" i="0" dirty="0">
                <a:effectLst/>
                <a:latin typeface="Times New Roman" panose="02020603050405020304" pitchFamily="18" charset="0"/>
                <a:cs typeface="Times New Roman" panose="02020603050405020304" pitchFamily="18" charset="0"/>
              </a:rPr>
              <a:t>Automates scheduling, leave management, and attendance tracking.</a:t>
            </a:r>
            <a:endParaRPr lang="en-US" altLang="en-US" b="0" i="0" dirty="0">
              <a:effectLst/>
              <a:latin typeface="Times New Roman" panose="02020603050405020304" pitchFamily="18" charset="0"/>
              <a:cs typeface="Times New Roman" panose="02020603050405020304" pitchFamily="18" charset="0"/>
            </a:endParaRPr>
          </a:p>
          <a:p>
            <a:pPr marL="342900" indent="-342900">
              <a:lnSpc>
                <a:spcPct val="150000"/>
              </a:lnSpc>
              <a:buFont typeface="Arial" panose="020B0604020202020204" pitchFamily="34" charset="0"/>
              <a:buChar char="•"/>
            </a:pPr>
            <a:r>
              <a:rPr lang="en-US" altLang="en-US" b="0" i="0" dirty="0">
                <a:effectLst/>
                <a:latin typeface="Times New Roman" panose="02020603050405020304" pitchFamily="18" charset="0"/>
                <a:cs typeface="Times New Roman" panose="02020603050405020304" pitchFamily="18" charset="0"/>
              </a:rPr>
              <a:t>Enhances efficiency with real-time updates and secure access.</a:t>
            </a:r>
            <a:endParaRPr lang="en-US" altLang="en-US" b="0" i="0" dirty="0">
              <a:effectLst/>
              <a:latin typeface="Times New Roman" panose="02020603050405020304" pitchFamily="18" charset="0"/>
              <a:cs typeface="Times New Roman" panose="02020603050405020304" pitchFamily="18" charset="0"/>
            </a:endParaRPr>
          </a:p>
        </p:txBody>
      </p:sp>
      <p:sp>
        <p:nvSpPr>
          <p:cNvPr id="5" name="Slide Number Placeholder 4"/>
          <p:cNvSpPr>
            <a:spLocks noGrp="1"/>
          </p:cNvSpPr>
          <p:nvPr>
            <p:ph type="sldNum" sz="quarter" idx="15"/>
          </p:nvPr>
        </p:nvSpPr>
        <p:spPr/>
        <p:txBody>
          <a:bodyPr/>
          <a:lstStyle/>
          <a:p>
            <a:fld id="{23AA811B-2EBD-4900-905E-5BE206449611}" type="slidenum">
              <a:rPr lang="en-US" smtClean="0"/>
            </a:fld>
            <a:endParaRPr lang="en-US" dirty="0"/>
          </a:p>
        </p:txBody>
      </p:sp>
      <p:sp>
        <p:nvSpPr>
          <p:cNvPr id="6" name="Date Placeholder 5"/>
          <p:cNvSpPr>
            <a:spLocks noGrp="1"/>
          </p:cNvSpPr>
          <p:nvPr>
            <p:ph type="dt" sz="half" idx="17"/>
          </p:nvPr>
        </p:nvSpPr>
        <p:spPr/>
        <p:txBody>
          <a:bodyPr/>
          <a:lstStyle/>
          <a:p>
            <a:fld id="{B118041E-2DAD-480C-AEE4-E661A097CFE4}" type="datetime1">
              <a:rPr lang="en-US" smtClean="0"/>
            </a:fld>
            <a:endParaRPr lang="en-US" dirty="0"/>
          </a:p>
        </p:txBody>
      </p:sp>
    </p:spTree>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p:cNvSpPr>
            <a:spLocks noGrp="1"/>
          </p:cNvSpPr>
          <p:nvPr>
            <p:ph type="ctrTitle"/>
          </p:nvPr>
        </p:nvSpPr>
        <p:spPr>
          <a:xfrm>
            <a:off x="3898200" y="2481943"/>
            <a:ext cx="4395600" cy="1348457"/>
          </a:xfrm>
        </p:spPr>
        <p:txBody>
          <a:bodyPr/>
          <a:lstStyle/>
          <a:p>
            <a:r>
              <a:rPr lang="en-US" dirty="0">
                <a:latin typeface="Algerian" panose="04020705040A02060702" pitchFamily="82" charset="0"/>
              </a:rPr>
              <a:t>Thankyou</a:t>
            </a:r>
            <a:endParaRPr lang="en-IN" dirty="0">
              <a:latin typeface="Algerian" panose="04020705040A02060702" pitchFamily="82" charset="0"/>
            </a:endParaRPr>
          </a:p>
        </p:txBody>
      </p:sp>
      <p:sp>
        <p:nvSpPr>
          <p:cNvPr id="5" name="Slide Number Placeholder 4"/>
          <p:cNvSpPr>
            <a:spLocks noGrp="1"/>
          </p:cNvSpPr>
          <p:nvPr>
            <p:ph type="sldNum" sz="quarter" idx="16"/>
          </p:nvPr>
        </p:nvSpPr>
        <p:spPr/>
        <p:txBody>
          <a:bodyPr/>
          <a:lstStyle/>
          <a:p>
            <a:fld id="{23AA811B-2EBD-4900-905E-5BE206449611}" type="slidenum">
              <a:rPr lang="en-US" smtClean="0"/>
            </a:fld>
            <a:endParaRPr lang="en-US" dirty="0"/>
          </a:p>
        </p:txBody>
      </p:sp>
      <p:sp>
        <p:nvSpPr>
          <p:cNvPr id="6" name="Date Placeholder 5"/>
          <p:cNvSpPr>
            <a:spLocks noGrp="1"/>
          </p:cNvSpPr>
          <p:nvPr>
            <p:ph type="dt" sz="half" idx="17"/>
          </p:nvPr>
        </p:nvSpPr>
        <p:spPr/>
        <p:txBody>
          <a:bodyPr/>
          <a:lstStyle/>
          <a:p>
            <a:fld id="{B118041E-2DAD-480C-AEE4-E661A097CFE4}" type="datetime1">
              <a:rPr lang="en-US" smtClean="0"/>
            </a:fld>
            <a:endParaRPr lang="en-US" dirty="0"/>
          </a:p>
        </p:txBody>
      </p:sp>
    </p:spTree>
  </p:cSld>
  <p:clrMapOvr>
    <a:masterClrMapping/>
  </p:clrMapOvr>
</p:sld>
</file>

<file path=ppt/theme/theme1.xml><?xml version="1.0" encoding="utf-8"?>
<a:theme xmlns:a="http://schemas.openxmlformats.org/drawingml/2006/main" name="Evernorth 16:9">
  <a:themeElements>
    <a:clrScheme name="Evernorth 2023">
      <a:dk1>
        <a:srgbClr val="000000"/>
      </a:dk1>
      <a:lt1>
        <a:srgbClr val="FFFFFF"/>
      </a:lt1>
      <a:dk2>
        <a:srgbClr val="002F32"/>
      </a:dk2>
      <a:lt2>
        <a:srgbClr val="EDEBE7"/>
      </a:lt2>
      <a:accent1>
        <a:srgbClr val="3EFFC0"/>
      </a:accent1>
      <a:accent2>
        <a:srgbClr val="008F83"/>
      </a:accent2>
      <a:accent3>
        <a:srgbClr val="035C67"/>
      </a:accent3>
      <a:accent4>
        <a:srgbClr val="002F32"/>
      </a:accent4>
      <a:accent5>
        <a:srgbClr val="EA5353"/>
      </a:accent5>
      <a:accent6>
        <a:srgbClr val="EDEBE7"/>
      </a:accent6>
      <a:hlink>
        <a:srgbClr val="0033FF"/>
      </a:hlink>
      <a:folHlink>
        <a:srgbClr val="0033FF"/>
      </a:folHlink>
    </a:clrScheme>
    <a:fontScheme name="Evernorth Arial">
      <a:majorFont>
        <a:latin typeface="Arial"/>
        <a:ea typeface="Arial"/>
        <a:cs typeface=""/>
      </a:majorFont>
      <a:minorFont>
        <a:latin typeface="Arial"/>
        <a:ea typeface="Arial"/>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2000" dirty="0" err="1" smtClean="0">
            <a:solidFill>
              <a:schemeClr val="accent4"/>
            </a:solidFill>
          </a:defRPr>
        </a:defPPr>
      </a:lstStyle>
    </a:txDef>
  </a:objectDefaults>
  <a:custClrLst>
    <a:custClr name="Darkmint">
      <a:srgbClr val="002F32"/>
    </a:custClr>
    <a:custClr name="Spruce 5">
      <a:srgbClr val="463413"/>
    </a:custClr>
    <a:custClr name="Blue 5">
      <a:srgbClr val="001980"/>
    </a:custClr>
    <a:custClr name="Coral 5">
      <a:srgbClr val="5C1F2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Tempermint">
      <a:srgbClr val="035C67"/>
    </a:custClr>
    <a:custClr name="Spruce 4">
      <a:srgbClr val="7B882B"/>
    </a:custClr>
    <a:custClr name="Blue 4 Active blue">
      <a:srgbClr val="0033FF"/>
    </a:custClr>
    <a:custClr name="Coral 4">
      <a:srgbClr val="B7344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Mediumint">
      <a:srgbClr val="008F83"/>
    </a:custClr>
    <a:custClr name="Spruce 3">
      <a:srgbClr val="A0B239"/>
    </a:custClr>
    <a:custClr name="Blue 3">
      <a:srgbClr val="3879DB"/>
    </a:custClr>
    <a:custClr name="Coral 3">
      <a:srgbClr val="EA535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ypermint">
      <a:srgbClr val="3EFFC0"/>
    </a:custClr>
    <a:custClr name="Spruce 2">
      <a:srgbClr val="C4D746"/>
    </a:custClr>
    <a:custClr name="Blue 2">
      <a:srgbClr val="90B9FF"/>
    </a:custClr>
    <a:custClr name="Coral 2">
      <a:srgbClr val="E8878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Lightmint">
      <a:srgbClr val="B3F8D9"/>
    </a:custClr>
    <a:custClr name="Spruce 1">
      <a:srgbClr val="DAFA87"/>
    </a:custClr>
    <a:custClr name="Blue 1">
      <a:srgbClr val="D7E9FF"/>
    </a:custClr>
    <a:custClr name="Coral 1">
      <a:srgbClr val="FFEAE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tema">
  <a:themeElements>
    <a:clrScheme name="Evernorth 2023">
      <a:dk1>
        <a:srgbClr val="000000"/>
      </a:dk1>
      <a:lt1>
        <a:srgbClr val="FFFFFF"/>
      </a:lt1>
      <a:dk2>
        <a:srgbClr val="002F32"/>
      </a:dk2>
      <a:lt2>
        <a:srgbClr val="EDEBE7"/>
      </a:lt2>
      <a:accent1>
        <a:srgbClr val="3EFFC0"/>
      </a:accent1>
      <a:accent2>
        <a:srgbClr val="008F83"/>
      </a:accent2>
      <a:accent3>
        <a:srgbClr val="035C67"/>
      </a:accent3>
      <a:accent4>
        <a:srgbClr val="002F32"/>
      </a:accent4>
      <a:accent5>
        <a:srgbClr val="EA5353"/>
      </a:accent5>
      <a:accent6>
        <a:srgbClr val="EDEBE7"/>
      </a:accent6>
      <a:hlink>
        <a:srgbClr val="0033FF"/>
      </a:hlink>
      <a:folHlink>
        <a:srgbClr val="0033FF"/>
      </a:folHlink>
    </a:clrScheme>
    <a:fontScheme name="Evernorth Arial">
      <a:majorFont>
        <a:latin typeface="Arial"/>
        <a:ea typeface="Arial"/>
        <a:cs typeface=""/>
      </a:majorFont>
      <a:minorFont>
        <a:latin typeface="Arial"/>
        <a:ea typeface="Arial"/>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custClrLst>
    <a:custClr name="Darkmint">
      <a:srgbClr val="002F32"/>
    </a:custClr>
    <a:custClr name="Spruce 5">
      <a:srgbClr val="463413"/>
    </a:custClr>
    <a:custClr name="Blue 5">
      <a:srgbClr val="001980"/>
    </a:custClr>
    <a:custClr name="Coral 5">
      <a:srgbClr val="5C1F2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Tempermint">
      <a:srgbClr val="035C67"/>
    </a:custClr>
    <a:custClr name="Spruce 4">
      <a:srgbClr val="7B882B"/>
    </a:custClr>
    <a:custClr name="Blue 4 Active blue">
      <a:srgbClr val="0033FF"/>
    </a:custClr>
    <a:custClr name="Coral 4">
      <a:srgbClr val="B7344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Mediumint">
      <a:srgbClr val="008F83"/>
    </a:custClr>
    <a:custClr name="Spruce 3">
      <a:srgbClr val="A0B239"/>
    </a:custClr>
    <a:custClr name="Blue 3">
      <a:srgbClr val="3879DB"/>
    </a:custClr>
    <a:custClr name="Coral 3">
      <a:srgbClr val="EA535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ypermint">
      <a:srgbClr val="3EFFC0"/>
    </a:custClr>
    <a:custClr name="Spruce 2">
      <a:srgbClr val="C4D746"/>
    </a:custClr>
    <a:custClr name="Blue 2">
      <a:srgbClr val="90B9FF"/>
    </a:custClr>
    <a:custClr name="Coral 2">
      <a:srgbClr val="E8878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Lightmint">
      <a:srgbClr val="B3F8D9"/>
    </a:custClr>
    <a:custClr name="Spruce 1">
      <a:srgbClr val="DAFA87"/>
    </a:custClr>
    <a:custClr name="Blue 1">
      <a:srgbClr val="D7E9FF"/>
    </a:custClr>
    <a:custClr name="Coral 1">
      <a:srgbClr val="FFEAE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Evernorth 2023">
      <a:dk1>
        <a:srgbClr val="000000"/>
      </a:dk1>
      <a:lt1>
        <a:srgbClr val="FFFFFF"/>
      </a:lt1>
      <a:dk2>
        <a:srgbClr val="002F32"/>
      </a:dk2>
      <a:lt2>
        <a:srgbClr val="EDEBE7"/>
      </a:lt2>
      <a:accent1>
        <a:srgbClr val="3EFFC0"/>
      </a:accent1>
      <a:accent2>
        <a:srgbClr val="008F83"/>
      </a:accent2>
      <a:accent3>
        <a:srgbClr val="035C67"/>
      </a:accent3>
      <a:accent4>
        <a:srgbClr val="002F32"/>
      </a:accent4>
      <a:accent5>
        <a:srgbClr val="EA5353"/>
      </a:accent5>
      <a:accent6>
        <a:srgbClr val="EDEBE7"/>
      </a:accent6>
      <a:hlink>
        <a:srgbClr val="0033FF"/>
      </a:hlink>
      <a:folHlink>
        <a:srgbClr val="0033FF"/>
      </a:folHlink>
    </a:clrScheme>
    <a:fontScheme name="Evernorth Arial">
      <a:majorFont>
        <a:latin typeface="Arial"/>
        <a:ea typeface="Arial"/>
        <a:cs typeface=""/>
      </a:majorFont>
      <a:minorFont>
        <a:latin typeface="Arial"/>
        <a:ea typeface="Arial"/>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custClrLst>
    <a:custClr name="Darkmint">
      <a:srgbClr val="002F32"/>
    </a:custClr>
    <a:custClr name="Spruce 5">
      <a:srgbClr val="463413"/>
    </a:custClr>
    <a:custClr name="Blue 5">
      <a:srgbClr val="001980"/>
    </a:custClr>
    <a:custClr name="Coral 5">
      <a:srgbClr val="5C1F2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Tempermint">
      <a:srgbClr val="035C67"/>
    </a:custClr>
    <a:custClr name="Spruce 4">
      <a:srgbClr val="7B882B"/>
    </a:custClr>
    <a:custClr name="Blue 4 Active blue">
      <a:srgbClr val="0033FF"/>
    </a:custClr>
    <a:custClr name="Coral 4">
      <a:srgbClr val="B7344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Mediumint">
      <a:srgbClr val="008F83"/>
    </a:custClr>
    <a:custClr name="Spruce 3">
      <a:srgbClr val="A0B239"/>
    </a:custClr>
    <a:custClr name="Blue 3">
      <a:srgbClr val="3879DB"/>
    </a:custClr>
    <a:custClr name="Coral 3">
      <a:srgbClr val="EA535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ypermint">
      <a:srgbClr val="3EFFC0"/>
    </a:custClr>
    <a:custClr name="Spruce 2">
      <a:srgbClr val="C4D746"/>
    </a:custClr>
    <a:custClr name="Blue 2">
      <a:srgbClr val="90B9FF"/>
    </a:custClr>
    <a:custClr name="Coral 2">
      <a:srgbClr val="E8878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Lightmint">
      <a:srgbClr val="B3F8D9"/>
    </a:custClr>
    <a:custClr name="Spruce 1">
      <a:srgbClr val="DAFA87"/>
    </a:custClr>
    <a:custClr name="Blue 1">
      <a:srgbClr val="D7E9FF"/>
    </a:custClr>
    <a:custClr name="Coral 1">
      <a:srgbClr val="FFEAE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SlideTemplateConfiguration><![CDATA[{"slideVersion":2,"isValidatorEnabled":false,"isLocked":false,"elementsMetadata":[{"type":"shape","elementConfiguration":{"binding":"{{Form.Logo.EvernorthConfidentiality}}","visibility":"","type":"text","disableUpdates":false}},{"type":"shape","elementConfiguration":{"binding":"{{Form.Cigna_Confidentiality.Cigna_confidentialityText}}","visibility":"","type":"text","disableUpdates":false}},{"type":"shape","elementConfiguration":{"inheritDimensions":"{{InheritDimensions.InheritNone}}","width":"5.96 cm","height":"2.1 cm","image":"{{Form.Logo.LogoHypermint.Image}}","visibility":"","type":"image","disableUpdates":false}}],"slideId":"912506226378276864","enableDocumentContentUpdater":false,"version":"2.0"}]]></TemplafySlideTemplateConfiguration>
</file>

<file path=customXml/item3.xml><?xml version="1.0" encoding="utf-8"?>
<TemplafySlideFormConfiguration><![CDATA[{"formFields":[{"distinct":true,"hideIfNoUserInteractionRequired":false,"required":false,"defaultValue":"Evernorth","autoSelectFirstOption":false,"helpTexts":{"prefix":"","postfix":""},"spacing":{},"shareValue":false,"type":"dropDown","dataSourceName":"P_EvernorthLogoChooser","dataSourceFieldName":"Name","name":"Logo","label":"Choose Logo"},{"distinct":true,"hideIfNoUserInteractionRequired":false,"required":false,"defaultValue":"n/a","autoSelectFirstOption":false,"helpTexts":{"prefix":"","postfix":""},"spacing":{},"shareValue":false,"type":"dropDown","dataSourceName":"Confidentiality","dataSourceFieldName":"Cigna_confidentiality","name":"Cigna_Confidentiality","label":"Internal Stamp Only"}],"formDataEntries":[]}]]></TemplafySlideFormConfiguration>
</file>

<file path=customXml/item4.xml><?xml version="1.0" encoding="utf-8"?>
<TemplafySlideTemplateConfiguration><![CDATA[{"slideVersion":2,"isValidatorEnabled":false,"isLocked":false,"elementsMetadata":[],"slideId":"912506226378276865","enableDocumentContentUpdater":false,"version":"2.0"}]]></TemplafySlideTemplateConfiguration>
</file>

<file path=customXml/item5.xml><?xml version="1.0" encoding="utf-8"?>
<TemplafyTemplateConfiguration><![CDATA[{"elementsMetadata":[{"type":"shape","id":"843596fb-3e9e-4eeb-9ffa-e05bd57a2e8f","elementConfiguration":{"binding":"{{Form.Logo.EvernorthConfidentiality}}","visibility":"","type":"text","disableUpdates":false}},{"type":"shape","id":"a6f73592-f9df-4a06-85c9-aecfe1a7f3c7","elementConfiguration":{"binding":"{{Form.Cigna_Confidentiality.Cigna_confidentialityText}}","visibility":"","type":"text","disableUpdates":false}},{"type":"shape","id":"90a08984-1b52-457f-856f-326376057afd","elementConfiguration":{"inheritDimensions":"{{InheritDimensions.InheritNone}}","width":"5.96 cm","height":"2.1 cm","image":"{{Form.Logo.LogoDarkmint.Image}}","visibility":"","type":"image","disableUpdates":false}},{"type":"shape","id":"c39d8d2f-e1de-4c9e-be2c-f4c897cd83f6","elementConfiguration":{"binding":"{{Form.Logo.EvernorthConfidentiality}}","visibility":"","type":"text","disableUpdates":false}},{"type":"shape","id":"c4896b34-03f3-4d66-bd61-2cc47a98f23d","elementConfiguration":{"binding":"{{Form.Cigna_Confidentiality.Cigna_confidentialityText}}","visibility":"","type":"text","disableUpdates":false}},{"type":"shape","id":"2c79b5b1-0983-4b9e-9b1f-313f96b94b8a","elementConfiguration":{"inheritDimensions":"{{InheritDimensions.InheritNone}}","width":"5.96 cm","height":"2.1 cm","image":"{{Form.Logo.LogoDarkmint.Image}}","visibility":"","type":"image","disableUpdates":false}},{"type":"shape","id":"b69bceb8-8a59-4338-a8ac-57624ea047c5","elementConfiguration":{"binding":"{{Form.Logo.EvernorthConfidentiality}}","visibility":"","type":"text","disableUpdates":false}},{"type":"shape","id":"f8da0ecb-d1f8-4975-a12b-d46896841a0c","elementConfiguration":{"binding":"{{Form.Cigna_Confidentiality.Cigna_confidentialityText}}","visibility":"","type":"text","disableUpdates":false}},{"type":"shape","id":"ae7c6611-ee87-4113-b526-622d2406b1ea","elementConfiguration":{"inheritDimensions":"{{InheritDimensions.InheritNone}}","width":"5.96 cm","height":"2.1 cm","image":"{{Form.Logo.LogoDarkmint.Image}}","visibility":"","type":"image","disableUpdates":false}},{"type":"shape","id":"fff897c0-2afe-42b5-ba7f-99268c7fe5c0","elementConfiguration":{"binding":"{{Form.Logo.EvernorthConfidentiality}}","visibility":"","type":"text","disableUpdates":false}},{"type":"shape","id":"a1f16579-1cb1-4674-ace1-40de1c8d1768","elementConfiguration":{"binding":"{{Form.Cigna_Confidentiality.Cigna_confidentialityText}}","visibility":"","type":"text","disableUpdates":false}},{"type":"shape","id":"46441dc7-430c-461e-aebb-c860a8ed966b","elementConfiguration":{"inheritDimensions":"{{InheritDimensions.InheritNone}}","width":"5.96 cm","height":"2.1 cm","image":"{{Form.Logo.LogoHypermint.Image}}","visibility":"","type":"image","disableUpdates":false}},{"type":"shape","id":"5868a394-f668-409b-9a3e-0483dbe2c351","elementConfiguration":{"binding":"{{Form.Logo.EvernorthConfidentiality}}","visibility":"","type":"text","disableUpdates":false}},{"type":"shape","id":"6817c859-406e-41ec-8a75-5378863bfa41","elementConfiguration":{"binding":"{{Form.Cigna_Confidentiality.Cigna_confidentialityText}}","visibility":"","type":"text","disableUpdates":false}},{"type":"shape","id":"bbfb337e-9da3-4806-b7af-0a6e9057ce6a","elementConfiguration":{"inheritDimensions":"{{InheritDimensions.InheritNone}}","width":"5.96 cm","height":"2.1 cm","image":"{{Form.Logo.LogoHypermint.Image}}","visibility":"","type":"image","disableUpdates":false}},{"type":"shape","id":"cdf19d82-a09a-4fc4-ab0b-7797226dc2ea","elementConfiguration":{"binding":"{{Form.Logo.EvernorthConfidentiality}}","visibility":"","type":"text","disableUpdates":false}},{"type":"shape","id":"8bb47ee5-ff19-43a2-a0c9-5a3bda89d038","elementConfiguration":{"binding":"{{Form.Cigna_Confidentiality.Cigna_confidentialityText}}","visibility":"","type":"text","disableUpdates":false}},{"type":"shape","id":"0ed6013b-5bcb-45ec-83c9-4e0aa4f19dbb","elementConfiguration":{"binding":"{{Form.Logo.EvernorthConfidentiality}}","visibility":"","type":"text","disableUpdates":false}},{"type":"shape","id":"fe3497fc-390b-4f4f-bdec-63e9d699efe2","elementConfiguration":{"binding":"{{Form.Cigna_Confidentiality.Cigna_confidentialityText}}","visibility":"","type":"text","disableUpdates":false}},{"type":"shape","id":"72c74186-cad6-43f0-8352-c8ac97081576","elementConfiguration":{"inheritDimensions":"{{InheritDimensions.InheritNone}}","width":"5.96 cm","height":"2.1 cm","image":"{{Form.Logo.LogoHypermint.Image}}","visibility":"","type":"image","disableUpdates":false}},{"type":"shape","id":"35938e70-c2f0-435c-8bda-80b112d114ef","elementConfiguration":{"binding":"{{Form.Logo.EvernorthConfidentiality}}","visibility":"","type":"text","disableUpdates":false}},{"type":"shape","id":"983ffde3-462f-456c-87af-2362e4459fad","elementConfiguration":{"binding":"{{Form.Cigna_Confidentiality.Cigna_confidentialityText}}","visibility":"","type":"text","disableUpdates":false}},{"type":"shape","id":"dc5988bb-145b-4881-bf8a-51e7917a6045","elementConfiguration":{"inheritDimensions":"{{InheritDimensions.InheritNone}}","width":"5.96 cm","height":"2.1 cm","image":"{{Form.Logo.LogoDarkmint.Image}}","visibility":"","type":"image","disableUpdates":false}},{"type":"shape","id":"2a71061d-20d3-40ad-89ff-0e21a48bc795","elementConfiguration":{"binding":"{{Form.Logo.EvernorthConfidentiality}}","visibility":"","type":"text","disableUpdates":false}},{"type":"shape","id":"fe261e84-be33-4e66-aee1-a8e600d9bfaa","elementConfiguration":{"binding":"{{Form.Cigna_Confidentiality.Cigna_confidentialityText}}","visibility":"","type":"text","disableUpdates":false}},{"type":"shape","id":"9e463065-dee0-467e-973c-47013f13b40f","elementConfiguration":{"inheritDimensions":"{{InheritDimensions.InheritNone}}","width":"5.96 cm","height":"2.1 cm","image":"{{Form.Logo.LogoHypermint.Image}}","visibility":"","type":"image","disableUpdates":false}},{"type":"shape","id":"ddef8c5e-1713-4ba9-a11c-e3525222a5ae","elementConfiguration":{"binding":"{{Form.Logo.EvernorthConfidentiality}}","visibility":"","type":"text","disableUpdates":false}},{"type":"shape","id":"fc8dc190-e3c5-4543-854e-eb1bc651e1e2","elementConfiguration":{"binding":"{{Form.Cigna_Confidentiality.Cigna_confidentialityText}}","visibility":"","type":"text","disableUpdates":false}},{"type":"shape","id":"59e5b607-0c06-43c0-aede-b8bf9dc8628c","elementConfiguration":{"inheritDimensions":"{{InheritDimensions.InheritNone}}","width":"5.96 cm","height":"2.1 cm","image":"{{Form.Logo.LogoDarkmint.Image}}","visibility":"","type":"image","disableUpdates":false}},{"type":"shape","id":"fb992dbe-979c-4858-acda-e72c1d8e2552","elementConfiguration":{"binding":"{{Form.Logo.EvernorthConfidentiality}}","visibility":"","type":"text","disableUpdates":false}},{"type":"shape","id":"64ce22b7-3efc-4d4f-a6a6-e4255d670d93","elementConfiguration":{"binding":"{{Form.Cigna_Confidentiality.Cigna_confidentialityText}}","visibility":"","type":"text","disableUpdates":false}},{"type":"shape","id":"fc41f26c-2133-436c-989c-6bec1c8769a5","elementConfiguration":{"inheritDimensions":"{{InheritDimensions.InheritNone}}","width":"5.96 cm","height":"2.1 cm","image":"{{Form.Logo.LogoHypermint.Image}}","visibility":"","type":"image","disableUpdates":false}},{"type":"shape","id":"2bfa744f-206d-4946-b844-25198382a03c","elementConfiguration":{"binding":"{{Form.Logo.EvernorthConfidentiality}}","visibility":"","type":"text","disableUpdates":false}},{"type":"shape","id":"bc7f54d2-c0b6-4f2b-a219-cf3fe14f05eb","elementConfiguration":{"binding":"{{Form.Cigna_Confidentiality.Cigna_confidentialityText}}","visibility":"","type":"text","disableUpdates":false}},{"type":"shape","id":"b9e7615e-f7cf-4e14-9a6d-419d1308dbcc","elementConfiguration":{"inheritDimensions":"{{InheritDimensions.InheritNone}}","width":"5.96 cm","height":"2.1 cm","image":"{{Form.Logo.LogoHypermint.Image}}","visibility":"","type":"image","disableUpdates":false}},{"type":"shape","id":"35c0a4b1-351d-49ad-aabc-7d7aa7c80817","elementConfiguration":{"binding":"{{Form.Logo.EvernorthConfidentiality}}","visibility":"","type":"text","disableUpdates":false}},{"type":"shape","id":"433cbb76-3c55-41cf-b747-34865c0acf3e","elementConfiguration":{"binding":"{{Form.Cigna_Confidentiality.Cigna_confidentialityText}}","visibility":"","type":"text","disableUpdates":false}},{"type":"shape","id":"e161aa61-e055-405f-8260-99530e93a7b2","elementConfiguration":{"inheritDimensions":"{{InheritDimensions.InheritNone}}","width":"5.96 cm","height":"2.1 cm","image":"{{Form.Logo.LogoHypermint.Image}}","visibility":"","type":"image","disableUpdates":false}},{"type":"shape","id":"805b481d-b25f-4b91-90ea-b662a49d5e43","elementConfiguration":{"binding":"{{Form.Logo.EvernorthConfidentiality}}","visibility":"","type":"text","disableUpdates":false}},{"type":"shape","id":"2b4e3913-4ebb-4646-a451-fe92a918fc8e","elementConfiguration":{"binding":"{{Form.Cigna_Confidentiality.Cigna_confidentialityText}}","visibility":"","type":"text","disableUpdates":false}},{"type":"shape","id":"4e2ad3b3-9e17-4340-ad6c-394c3a8137a1","elementConfiguration":{"inheritDimensions":"{{InheritDimensions.InheritNone}}","width":"5.96 cm","height":"2.1 cm","image":"{{Form.Logo.LogoDarkmint.Image}}","visibility":"","type":"image","disableUpdates":false}},{"type":"shape","id":"5384d20f-98f0-43df-b1d9-7f44e2b26e64","elementConfiguration":{"binding":"{{Form.Logo.EvernorthConfidentiality}}","visibility":"","type":"text","disableUpdates":false}},{"type":"shape","id":"478d8c93-e9fb-4ea9-9d05-1151cdd977ea","elementConfiguration":{"binding":"{{Form.Cigna_Confidentiality.Cigna_confidentialityText}}","visibility":"","type":"text","disableUpdates":false}},{"type":"shape","id":"4432daf2-2116-4b0f-93bb-3307f74035e9","elementConfiguration":{"inheritDimensions":"{{InheritDimensions.InheritNone}}","width":"5.96 cm","height":"2.1 cm","image":"{{Form.Logo.LogoHypermint.Image}}","visibility":"","type":"image","disableUpdates":false}},{"type":"shape","id":"daecd173-7c6d-46ec-80ed-97af4033ea81","elementConfiguration":{"binding":"{{Form.Logo.EvernorthConfidentiality}}","visibility":"","type":"text","disableUpdates":false}},{"type":"shape","id":"75deeb8b-040c-44f5-bc4a-f7c43094ba04","elementConfiguration":{"binding":"{{Form.Cigna_Confidentiality.Cigna_confidentialityText}}","visibility":"","type":"text","disableUpdates":false}},{"type":"shape","id":"6386a84b-2217-46f1-93df-058cf6dc5d85","elementConfiguration":{"inheritDimensions":"{{InheritDimensions.InheritNone}}","width":"5.96 cm","height":"2.1 cm","image":"{{Form.Logo.LogoDarkmint.Image}}","visibility":"","type":"image","disableUpdates":false}},{"type":"shape","id":"2ed65493-5648-4306-9d67-49b1e4f04c78","elementConfiguration":{"binding":"{{Form.Logo.EvernorthConfidentiality}}","visibility":"","type":"text","disableUpdates":false}},{"type":"shape","id":"bd81d6c0-fb49-4577-a2a3-4cf968bec6de","elementConfiguration":{"binding":"{{Form.Cigna_Confidentiality.Cigna_confidentialityText}}","visibility":"","type":"text","disableUpdates":false}},{"type":"shape","id":"96cc6f4a-728e-4772-b875-decc684b9a5b","elementConfiguration":{"inheritDimensions":"{{InheritDimensions.InheritNone}}","width":"5.96 cm","height":"2.1 cm","image":"{{Form.Logo.LogoHypermint.Image}}","visibility":"","type":"image","disableUpdates":false}},{"type":"shape","id":"8fd9aa2e-e503-4a0c-ade5-76a759d3901a","elementConfiguration":{"binding":"{{Form.Logo.EvernorthConfidentiality}}","visibility":"","type":"text","disableUpdates":false}},{"type":"shape","id":"b3f7776f-6ddf-4de0-bef2-90af8019edcf","elementConfiguration":{"binding":"{{Form.Cigna_Confidentiality.Cigna_confidentialityText}}","visibility":"","type":"text","disableUpdates":false}},{"type":"shape","id":"f8e2f1f9-8732-4aa1-b949-546a070b45a4","elementConfiguration":{"inheritDimensions":"{{InheritDimensions.InheritNone}}","width":"5.96 cm","height":"2.1 cm","image":"{{Form.Logo.LogoDarkmint.Image}}","visibility":"","type":"image","disableUpdates":false}},{"type":"shape","id":"af8fe52b-8489-43b5-af02-40ebd4c40f4a","elementConfiguration":{"binding":"{{Form.Logo.EvernorthConfidentiality}}","visibility":"","type":"text","disableUpdates":false}},{"type":"shape","id":"dac81937-bc75-4f28-8857-43ae87a85a76","elementConfiguration":{"inheritDimensions":"{{InheritDimensions.InheritNone}}","width":"5.96 cm","height":"2.1 cm","image":"{{Form.Logo.LogoDarkmint.Image}}","visibility":"","type":"image","disableUpdates":false}},{"type":"shape","id":"0ba4612b-c855-4f0a-9f46-518391c2c805","elementConfiguration":{"binding":"{{Form.Cigna_Confidentiality.Cigna_confidentialityText}}","visibility":"","type":"text","disableUpdates":false}},{"type":"shape","id":"1d34598a-da83-4f89-b4ed-3c503a0b7c53","elementConfiguration":{"binding":"{{Form.Logo.EvernorthConfidentialityEndslides}}","visibility":"","type":"text","disableUpdates":false}},{"type":"shape","id":"967d03e0-59d7-4d1f-9b10-41116a6a8e87","elementConfiguration":{"binding":"{{Form.Cigna_Confidentiality.Cigna_confidentialityText}}","visibility":"","type":"text","disableUpdates":false}},{"type":"shape","id":"5bf1f614-91fa-4404-a775-64090e12c115","elementConfiguration":{"inheritDimensions":"{{InheritDimensions.InheritNone}}","width":"5.96 cm","height":"2.1 cm","image":"{{Form.Logo.LogoHypermint.Image}}","visibility":"","type":"image","disableUpdates":false}},{"type":"shape","id":"5fc8d4b8-864f-4443-a207-26c8e2eebdab","elementConfiguration":{"binding":"{{Form.Logo.EvernorthConfidentiality}}","visibility":"","type":"text","disableUpdates":false}},{"type":"shape","id":"d33cf8b6-2a30-4297-a2f8-482e73062f79","elementConfiguration":{"binding":"{{Form.Cigna_Confidentiality.Cigna_confidentialityText}}","visibility":"","type":"text","disableUpdates":false}},{"type":"shape","id":"0a199b68-9261-4acf-9781-b41fe8685a84","elementConfiguration":{"binding":"{{Form.Logo.EvernorthConfidentiality}}","visibility":"","type":"text","disableUpdates":false}},{"type":"shape","id":"39455b37-2a3e-4991-b129-bded51ad15b9","elementConfiguration":{"binding":"{{Form.Cigna_Confidentiality.Cigna_confidentialityText}}","visibility":"","type":"text","disableUpdates":false}},{"type":"shape","id":"063267f8-5797-47cd-be11-f02b549b8b33","elementConfiguration":{"inheritDimensions":"{{InheritDimensions.InheritNone}}","width":"5.96 cm","height":"2.1 cm","image":"{{Form.Logo.LogoHypermint.Image}}","visibility":"","type":"image","disableUpdates":false}},{"type":"shape","id":"7c7db90f-8f99-459c-b351-51d5db3e9cab","elementConfiguration":{"binding":"{{Form.Logo.EvernorthConfidentiality}}","visibility":"","type":"text","disableUpdates":false}},{"type":"shape","id":"75c236db-a566-4676-abc4-e62cf5650732","elementConfiguration":{"binding":"{{Form.Cigna_Confidentiality.Cigna_confidentialityText}}","visibility":"","type":"text","disableUpdates":false}},{"type":"shape","id":"51037dcb-53e0-442a-9eef-5dc39a30bae3","elementConfiguration":{"inheritDimensions":"{{InheritDimensions.InheritNone}}","width":"5.96 cm","height":"2.1 cm","image":"{{Form.Logo.LogoHypermint.Image}}","visibility":"","type":"image","disableUpdates":false}},{"type":"shape","id":"6de82fa2-a9c6-4d7c-b0d5-fe1963fb1196","elementConfiguration":{"binding":"{{Form.Logo.EvernorthConfidentiality}}","visibility":"","type":"text","disableUpdates":false}},{"type":"shape","id":"c6a1aa5e-b661-47fb-9dd9-79182a847325","elementConfiguration":{"binding":"{{Form.Cigna_Confidentiality.Cigna_confidentialityText}}","visibility":"","type":"text","disableUpdates":false}},{"type":"shape","id":"ab7e95ae-4993-4cb7-bc51-604720d2a915","elementConfiguration":{"inheritDimensions":"{{InheritDimensions.InheritNone}}","width":"5.96 cm","height":"2.1 cm","image":"{{Form.Logo.LogoHypermint.Image}}","visibility":"","type":"image","disableUpdates":false}},{"type":"shape","id":"13ac69a3-7e3c-42c4-8ada-05add71b6dbe","elementConfiguration":{"binding":"{{Form.Logo.EvernorthConfidentiality}}","visibility":"","type":"text","disableUpdates":false}},{"type":"shape","id":"8ca6660e-5912-4382-a055-563b87112124","elementConfiguration":{"binding":"{{Form.Cigna_Confidentiality.Cigna_confidentialityText}}","visibility":"","type":"text","disableUpdates":false}},{"type":"shape","id":"06276356-8d51-40f2-9e56-25d38e4c49a3","elementConfiguration":{"inheritDimensions":"{{InheritDimensions.InheritNone}}","width":"5.96 cm","height":"2.1 cm","image":"{{Form.Logo.LogoHypermint.Image}}","visibility":"","type":"image","disableUpdates":false}},{"type":"shape","id":"16ef6b65-18f1-4356-8a26-df29f5399e1c","elementConfiguration":{"binding":"{{Form.Logo.EvernorthConfidentiality}}","visibility":"","type":"text","disableUpdates":false}},{"type":"shape","id":"23a9e584-0673-40c4-9b58-d494495c08f9","elementConfiguration":{"binding":"{{Form.Cigna_Confidentiality.Cigna_confidentialityText}}","visibility":"","type":"text","disableUpdates":false}},{"type":"shape","id":"d9e6b237-049c-4c36-b65f-bf86187d49be","elementConfiguration":{"inheritDimensions":"{{InheritDimensions.InheritNone}}","width":"5.96 cm","height":"2.1 cm","image":"{{Form.Logo.LogoDarkmint.Image}}","visibility":"","type":"image","disableUpdates":false}},{"type":"shape","id":"761078ba-3d03-4c53-92f4-f073a2cce3ed","elementConfiguration":{"binding":"{{Form.Logo.EvernorthConfidentiality}}","visibility":"","type":"text","disableUpdates":false}},{"type":"shape","id":"c2d9c760-58f3-4b9b-95b8-1f5731f93bb0","elementConfiguration":{"binding":"{{Form.Cigna_Confidentiality.Cigna_confidentialityText}}","visibility":"","type":"text","disableUpdates":false}},{"type":"shape","id":"5951bd2b-89ac-48eb-b07f-df4b51228c5f","elementConfiguration":{"inheritDimensions":"{{InheritDimensions.InheritNone}}","width":"5.96 cm","height":"2.1 cm","image":"{{Form.Logo.LogoDarkmint.Image}}","visibility":"","type":"image","disableUpdates":false}},{"type":"shape","id":"1b3a4698-e580-4382-a029-d5e6ffd21cb2","elementConfiguration":{"binding":"{{Form.Logo.EvernorthConfidentiality}}","visibility":"","type":"text","disableUpdates":false}},{"type":"shape","id":"1e71d12f-1424-4a91-9dd1-c94898ae7f39","elementConfiguration":{"binding":"{{Form.Cigna_Confidentiality.Cigna_confidentialityText}}","visibility":"","type":"text","disableUpdates":false}},{"type":"shape","id":"40fe62c8-e9dd-4f6b-be91-b9b466dd452e","elementConfiguration":{"inheritDimensions":"{{InheritDimensions.InheritNone}}","width":"5.96 cm","height":"2.1 cm","image":"{{Form.Logo.LogoDarkmint.Image}}","visibility":"","type":"image","disableUpdates":false}},{"type":"shape","id":"38e9c5ad-342f-4443-8168-57c4cf12e055","elementConfiguration":{"binding":"{{Form.Logo.EvernorthConfidentiality}}","visibility":"","type":"text","disableUpdates":false}},{"type":"shape","id":"476759e0-bf16-4330-a162-344ff2579c25","elementConfiguration":{"binding":"{{Form.Cigna_Confidentiality.Cigna_confidentialityText}}","visibility":"","type":"text","disableUpdates":false}},{"type":"shape","id":"498d81a7-f1d4-42f5-b880-99f5170a9075","elementConfiguration":{"inheritDimensions":"{{InheritDimensions.InheritNone}}","width":"5.96 cm","height":"2.1 cm","image":"{{Form.Logo.LogoHypermint.Image}}","visibility":"","type":"image","disableUpdates":false}},{"type":"shape","id":"dff26c75-dbb9-4009-8ef9-a276a4308c07","elementConfiguration":{"binding":"{{Form.Logo.EvernorthConfidentiality}}","visibility":"","type":"text","disableUpdates":false}},{"type":"shape","id":"a0c6e2bb-eeed-4c43-b337-ce194e4f9db2","elementConfiguration":{"binding":"{{Form.Cigna_Confidentiality.Cigna_confidentialityText}}","visibility":"","type":"text","disableUpdates":false}},{"type":"shape","id":"1ec30230-4c59-4091-9587-fc778ae407a2","elementConfiguration":{"inheritDimensions":"{{InheritDimensions.InheritNone}}","width":"5.96 cm","height":"2.1 cm","image":"{{Form.Logo.LogoDarkmint.Image}}","visibility":"","type":"image","disableUpdates":false}},{"type":"shape","id":"6c7d09ab-cbbd-42ab-9f6d-83043dabcd88","elementConfiguration":{"binding":"{{Form.Logo.EvernorthConfidentiality}}","visibility":"","type":"text","disableUpdates":false}},{"type":"shape","id":"651e2a5c-0a65-427d-be9e-28c7b402bf4e","elementConfiguration":{"binding":"{{Form.Cigna_Confidentiality.Cigna_confidentialityText}}","visibility":"","type":"text","disableUpdates":false}},{"type":"shape","id":"5fc2c8f4-b335-4ccb-9652-0b0695d6a15d","elementConfiguration":{"inheritDimensions":"{{InheritDimensions.InheritNone}}","width":"5.96 cm","height":"2.1 cm","image":"{{Form.Logo.LogoHypermint.Image}}","visibility":"","type":"image","disableUpdates":false}},{"type":"shape","id":"18cf8e60-e6f4-4b6c-a11a-29695bfa89f5","elementConfiguration":{"inheritDimensions":"{{InheritDimensions.InheritNone}}","width":"5.96 cm","height":"2.1 cm","image":"{{Form.Logo.LogoDarkmint.Image}}","visibility":"","type":"image","disableUpdates":false}},{"type":"shape","id":"e1495369-e93f-42d7-bf5b-8dd9fca565b4","elementConfiguration":{"binding":"{{Form.Logo.EvernorthConfidentialityEndslides}}","visibility":"","type":"text","disableUpdates":false}},{"type":"shape","id":"1de811ba-9e71-49e7-ac6e-813641db7634","elementConfiguration":{"binding":"{{Form.Cigna_Confidentiality.Cigna_confidentialityText}}","visibility":"","type":"text","disableUpdates":false}},{"type":"shape","id":"59760b0c-e043-4404-803c-fcf8ce7fecc5","elementConfiguration":{"binding":"{{Form.Logo.EvernorthConfidentiality}}","visibility":"","type":"text","disableUpdates":false}},{"type":"shape","id":"dbb2bea4-526c-4e36-9668-14a606d88013","elementConfiguration":{"binding":"{{Form.Cigna_Confidentiality.Cigna_confidentialityText}}","visibility":"","type":"text","disableUpdates":false}},{"type":"shape","id":"52750233-d173-4dfc-8a02-b492a3d30c82","elementConfiguration":{"binding":"{{Form.Logo.EvernorthConfidentiality}}","visibility":"","type":"text","disableUpdates":false}},{"type":"shape","id":"4415377e-a1a3-42a6-a25d-a3a9bcd840c7","elementConfiguration":{"binding":"{{Form.Cigna_Confidentiality.Cigna_confidentialityText}}","visibility":"","type":"text","disableUpdates":false}},{"type":"shape","id":"84d95576-b6b8-4221-9b4c-27c8481b419d","elementConfiguration":{"inheritDimensions":"{{InheritDimensions.InheritNone}}","width":"5.96 cm","height":"2.1 cm","image":"{{Form.Logo.LogoHypermint.Image}}","visibility":"","type":"image","disableUpdates":false}},{"type":"shape","id":"9f498c4f-edb5-403a-b985-8004506dbe1f","elementConfiguration":{"binding":"{{Form.Cigna_Confidentiality.EvernorthConfidentiality}}","visibility":"","type":"text","disableUpdates":false}},{"type":"shape","id":"ddb94caf-5c70-4180-af7a-a952c6f581f8","elementConfiguration":{"binding":"{{Form.Cigna_Confidentiality.Cigna_confidentialityText}}","visibility":"","type":"text","disableUpdates":false}},{"type":"shape","id":"fc0bb841-7f44-4879-835d-149b697f51b5","elementConfiguration":{"inheritDimensions":"{{InheritDimensions.InheritNone}}","width":"5.96 cm","height":"2.1 cm","image":"{{Form.Logo.LogoDarkmint.Image}}","visibility":"","type":"image","disableUpdates":false}},{"type":"shape","id":"71e366c5-a2c7-492c-9a64-18d6ff016c3c","elementConfiguration":{"binding":"{{Form.Logo.EvernorthConfidentiality}}","visibility":"","type":"text","disableUpdates":false}},{"type":"shape","id":"46a4dd83-26dd-45e3-a312-c03cb451a421","elementConfiguration":{"binding":"{{Form.Cigna_Confidentiality.Cigna_confidentialityText}}","visibility":"","type":"text","disableUpdates":false}},{"type":"shape","id":"2ddb497a-75e2-485d-9607-2681ec0ef52e","elementConfiguration":{"inheritDimensions":"{{InheritDimensions.InheritNone}}","width":"5.96 cm","height":"2.1 cm","image":"{{Form.Logo.LogoHypermint.Image}}","visibility":"","type":"image","disableUpdates":false}},{"type":"shape","id":"d947c91a-1209-4606-b997-6bbe67f9b142","elementConfiguration":{"binding":"{{Form.Logo.EvernorthConfidentiality}}","visibility":"","type":"text","disableUpdates":false}},{"type":"shape","id":"7e09a418-fd6f-434f-a467-5a34c020343f","elementConfiguration":{"binding":"{{Form.Cigna_Confidentiality.Cigna_confidentialityText}}","visibility":"","type":"text","disableUpdates":false}},{"type":"shape","id":"5b83a173-30e8-49d8-b0eb-debc289cb22f","elementConfiguration":{"inheritDimensions":"{{InheritDimensions.InheritNone}}","width":"5.96 cm","height":"2.1 cm","image":"{{Form.Logo.LogoDarkmint.Image}}","visibility":"","type":"image","disableUpdates":false}},{"type":"shape","id":"c63428f9-fde2-428f-aebf-7abc7d96a8a7","elementConfiguration":{"binding":"{{Form.Logo.EvernorthConfidentiality}}","visibility":"","type":"text","disableUpdates":false}},{"type":"shape","id":"5e5cd143-69fe-4a1b-b159-d9ae32510ae7","elementConfiguration":{"binding":"{{Form.Cigna_Confidentiality.Cigna_confidentialityText}}","visibility":"","type":"text","disableUpdates":false}},{"type":"shape","id":"9a5ba6bf-a997-4bd8-9dc7-0f58d4fce2cf","elementConfiguration":{"binding":"{{Form.Logo.EvernorthConfidentiality}}","visibility":"","type":"text","disableUpdates":false}},{"type":"shape","id":"02f2010d-6665-48ca-90db-ede80781cf17","elementConfiguration":{"binding":"{{Form.Cigna_Confidentiality.Cigna_confidentialityText}}","visibility":"","type":"text","disableUpdates":false}},{"type":"shape","id":"1fe04f7c-c440-4b35-a248-14bf9e3c8554","elementConfiguration":{"inheritDimensions":"{{InheritDimensions.InheritNone}}","width":"5.96 cm","height":"2.1 cm","image":"{{Form.Logo.LogoHypermint.Image}}","visibility":"","type":"image","disableUpdates":false}},{"type":"shape","id":"e34da0d1-e820-484e-be6c-c4fe87939c15","elementConfiguration":{"binding":"{{Form.Logo.EvernorthConfidentiality}}","visibility":"","type":"text","disableUpdates":false}},{"type":"shape","id":"15f9fdb9-96c5-491b-bf4c-0256627192bd","elementConfiguration":{"binding":"{{Form.Cigna_Confidentiality.Cigna_confidentialityText}}","visibility":"","type":"text","disableUpdates":false}},{"type":"shape","id":"f7b03126-3df7-4615-8f1c-84a013db70c8","elementConfiguration":{"inheritDimensions":"{{InheritDimensions.InheritNone}}","width":"5.96 cm","height":"2.1 cm","image":"{{Form.Logo.LogoDarkmint.Image}}","visibility":"","type":"image","disableUpdates":false}},{"type":"shape","id":"060ab0f7-f46a-4a75-ad66-afba5263dee9","elementConfiguration":{"binding":"{{Form.Logo.EvernorthConfidentiality}}","visibility":"","type":"text","disableUpdates":false}},{"type":"shape","id":"d6635c0e-49c2-45ed-8f63-108e4726fb40","elementConfiguration":{"binding":"{{Form.Cigna_Confidentiality.Cigna_confidentialityText}}","visibility":"","type":"text","disableUpdates":false}},{"type":"shape","id":"472d1902-0316-41b7-9ac6-2f15d28625b7","elementConfiguration":{"inheritDimensions":"{{InheritDimensions.InheritNone}}","width":"5.96 cm","height":"2.1 cm","image":"{{Form.Logo.LogoHypermint.Image}}","visibility":"","type":"image","disableUpdates":false}},{"type":"shape","id":"d3b67dfa-7bf2-47b5-ae2f-1c078381253f","elementConfiguration":{"binding":"{{Form.Logo.EvernorthConfidentiality}}","visibility":"","type":"text","disableUpdates":false}},{"type":"shape","id":"1321d6ca-435a-4d0a-b737-4f573da8cdca","elementConfiguration":{"inheritDimensions":"{{InheritDimensions.InheritNone}}","width":"5.96 cm","height":"2.1 cm","image":"{{Form.Logo.LogoHypermint.Image}}","visibility":"","type":"image","disableUpdates":false}},{"type":"shape","id":"0fb8e48a-3e18-472e-b31b-f616c2fc5116","elementConfiguration":{"binding":"{{Form.Cigna_Confidentiality.Cigna_confidentialityText}}","visibility":"","type":"text","disableUpdates":false}},{"type":"shape","id":"3a553262-31bc-4a82-a182-f29b0631fcfb","elementConfiguration":{"binding":"{{Form.Logo.EvernorthConfidentiality}}","visibility":"","type":"text","disableUpdates":false}},{"type":"shape","id":"101af3b7-ad87-4a6b-be71-e7ac13bb8b85","elementConfiguration":{"binding":"{{Form.Cigna_Confidentiality.Cigna_confidentialityText}}","visibility":"","type":"text","disableUpdates":false}},{"type":"shape","id":"5218b137-ff2b-4206-b10c-dbd69e8ea435","elementConfiguration":{"inheritDimensions":"{{InheritDimensions.InheritNone}}","width":"5.96 cm","height":"2.1 cm","image":"{{Form.Logo.LogoHypermint.Image}}","visibility":"","type":"image","disableUpdates":false}},{"type":"shape","id":"31692450-4f35-4100-a702-0b1bbfba7448","elementConfiguration":{"inheritDimensions":"{{InheritDimensions.InheritNone}}","width":"5.96 cm","height":"2.1 cm","image":"{{Form.Logo.LogoDarkmint.Image}}","visibility":"","type":"image","disableUpdates":false}},{"type":"shape","id":"d74ff434-f2ba-4dc9-b3a9-2fa9acf9fa02","elementConfiguration":{"binding":"{{Form.Logo.EvernorthConfidentialityEndslides}}","visibility":"","type":"text","disableUpdates":false}},{"type":"shape","id":"b18a1691-56d0-4e59-8f61-71e14bc35449","elementConfiguration":{"binding":"{{Form.Cigna_Confidentiality.Cigna_confidentialityText}}","visibility":"","type":"text","disableUpdates":false}},{"type":"shape","id":"f265779f-faf6-4c9f-9c23-d658f843219d","elementConfiguration":{"binding":"{{Form.Logo.EvernorthConfidentiality}}","visibility":"","type":"text","disableUpdates":false}},{"type":"shape","id":"934ff98f-c977-44a6-add0-93fab6a5a3c3","elementConfiguration":{"binding":"{{Form.Cigna_Confidentiality.Cigna_confidentialityText}}","visibility":"","type":"text","disableUpdates":false}},{"type":"shape","id":"d3d8434f-c9c6-4b2d-bede-4bf5460381c3","elementConfiguration":{"binding":"{{Form.Logo.EvernorthConfidentiality}}","visibility":"","type":"text","disableUpdates":false}},{"type":"shape","id":"8a2dfe31-0dcb-48cd-882e-fbe9ea04a02f","elementConfiguration":{"binding":"{{Form.Cigna_Confidentiality.Cigna_confidentialityText}}","visibility":"","type":"text","disableUpdates":false}},{"type":"shape","id":"94c9c489-36c8-4fce-9528-24720ba73155","elementConfiguration":{"inheritDimensions":"{{InheritDimensions.InheritNone}}","width":"5.96 cm","height":"2.1 cm","image":"{{Form.Logo.LogoDarkmint.Image}}","visibility":"","type":"image","disableUpdates":false}},{"type":"shape","id":"1949edd1-5499-4c7a-85f8-90f78afcd04b","elementConfiguration":{"binding":"{{Form.Logo.EvernorthConfidentiality}}","visibility":"","type":"text","disableUpdates":false}},{"type":"shape","id":"56e86777-6393-42f9-8b0e-909fd5b91227","elementConfiguration":{"binding":"{{Form.Cigna_Confidentiality.Cigna_confidentialityText}}","visibility":"","type":"text","disableUpdates":false}},{"type":"shape","id":"88256264-0fcb-49ec-bff1-498e45566af2","elementConfiguration":{"inheritDimensions":"{{InheritDimensions.InheritNone}}","width":"5.96 cm","height":"2.1 cm","image":"{{Form.Logo.LogoDarkmint.Image}}","visibility":"","type":"image","disableUpdates":false}},{"type":"shape","id":"8db7de98-78c4-4050-8393-89d1d1902bcc","elementConfiguration":{"binding":"{{Form.Logo.EvernorthConfidentiality}}","visibility":"","type":"text","disableUpdates":false}},{"type":"shape","id":"ad442222-b566-40e9-b33f-1871a77d4ea0","elementConfiguration":{"binding":"{{Form.Cigna_Confidentiality.Cigna_confidentialityText}}","visibility":"","type":"text","disableUpdates":false}},{"type":"shape","id":"eb9f4ae3-05e3-4c58-9dce-fe1545352841","elementConfiguration":{"inheritDimensions":"{{InheritDimensions.InheritNone}}","width":"5.96 cm","height":"2.1 cm","image":"{{Form.Logo.LogoHypermint.Image}}","visibility":"","type":"image","disableUpdates":false}},{"type":"shape","id":"6c4d0918-295a-428e-b172-01eba9a4cd39","elementConfiguration":{"binding":"{{Form.Logo.EvernorthConfidentiality}}","visibility":"","type":"text","disableUpdates":false}},{"type":"shape","id":"38dfeefc-0bb9-4e53-8848-5964c508b98a","elementConfiguration":{"binding":"{{Form.Cigna_Confidentiality.Cigna_confidentialityText}}","visibility":"","type":"text","disableUpdates":false}},{"type":"shape","id":"27a7b6e3-057e-4dd7-8045-f0a64987429d","elementConfiguration":{"binding":"{{Form.Logo.EvernorthConfidentiality}}","visibility":"","type":"text","disableUpdates":false}},{"type":"shape","id":"73176e25-ad40-45d9-96cd-5f805c3ce43a","elementConfiguration":{"binding":"{{Form.Cigna_Confidentiality.Cigna_confidentialityText}}","visibility":"","type":"text","disableUpdates":false}},{"type":"shape","id":"c9237046-0d00-40e7-91ca-e0a373f29896","elementConfiguration":{"inheritDimensions":"{{InheritDimensions.InheritNone}}","width":"5.96 cm","height":"2.1 cm","image":"{{Form.Logo.LogoHypermint.Image}}","visibility":"","type":"image","disableUpdates":false}},{"type":"shape","id":"44494df6-4efe-43e3-a0b7-b06d09a90b6f","elementConfiguration":{"inheritDimensions":"{{InheritDimensions.InheritNone}}","width":"5.96 cm","height":"2.1 cm","image":"{{Form.Logo.LogoDarkmint.Image}}","visibility":"","type":"image","disableUpdates":false}},{"type":"shape","id":"1136905c-4f0f-416c-9564-5b096038fbb4","elementConfiguration":{"binding":"{{Form.Logo.EvernorthConfidentiality}}","visibility":"","type":"text","disableUpdates":false}},{"type":"shape","id":"c2ba8890-1c9a-4f70-98f8-168e5eca9742","elementConfiguration":{"binding":"{{Form.Cigna_Confidentiality.Cigna_confidentialityText}}","visibility":"","type":"text","disableUpdates":false}},{"type":"shape","id":"f9b47379-5a08-47a4-bfdf-ac6233c7f7bb","elementConfiguration":{"binding":"{{Form.Logo.EvernorthConfidentiality}}","visibility":"","type":"text","disableUpdates":false}},{"type":"shape","id":"0df255f5-820e-4dd8-8e5c-522c79da4d78","elementConfiguration":{"binding":"{{Form.Cigna_Confidentiality.Cigna_confidentialityText}}","visibility":"","type":"text","disableUpdates":false}},{"type":"shape","id":"c016d9c6-2c57-49cf-a58a-472da897ef1a","elementConfiguration":{"inheritDimensions":"{{InheritDimensions.InheritNone}}","width":"5.96 cm","height":"2.1 cm","image":"{{Form.Logo.LogoHypermint.Image}}","visibility":"","type":"image","disableUpdates":false}},{"type":"shape","id":"dedebc29-15cb-492b-83fe-a995311bb123","elementConfiguration":{"binding":"{{Form.Logo.EvernorthConfidentiality}}","visibility":"","type":"text","disableUpdates":false}},{"type":"shape","id":"976b11fe-51af-4b78-882e-6313eb91edf4","elementConfiguration":{"binding":"{{Form.Cigna_Confidentiality.Cigna_confidentialityText}}","visibility":"","type":"text","disableUpdates":false}},{"type":"shape","id":"1826440f-27cb-4b12-8736-f4aefb8ec946","elementConfiguration":{"inheritDimensions":"{{InheritDimensions.InheritNone}}","width":"5.96 cm","height":"2.1 cm","image":"{{Form.Logo.LogoDarkmint.Image}}","visibility":"","type":"image","disableUpdates":false}},{"type":"shape","id":"ba0d0813-f8c9-4f7b-9626-592e61a66e47","elementConfiguration":{"binding":"{{Form.Logo.EvernorthConfidentiality}}","visibility":"","type":"text","disableUpdates":false}},{"type":"shape","id":"d80464ba-6e59-4778-bcad-60ba52aae8e6","elementConfiguration":{"binding":"{{Form.Cigna_Confidentiality.Cigna_confidentialityText}}","visibility":"","type":"text","disableUpdates":false}},{"type":"shape","id":"baa6c3e9-7112-4dfb-9d62-823bc4f2fe79","elementConfiguration":{"inheritDimensions":"{{InheritDimensions.InheritNone}}","width":"5.96 cm","height":"2.1 cm","image":"{{Form.Logo.LogoDarkmint.Image}}","visibility":"","type":"image","disableUpdates":false}},{"type":"shape","id":"fa60411a-dfd5-4b7e-b2e2-ebc0feaf73d6","elementConfiguration":{"binding":"{{Form.Logo.EvernorthConfidentiality}}","visibility":"","type":"text","disableUpdates":false}},{"type":"shape","id":"e6ae7114-2c0b-4ff8-8253-860ef42022b7","elementConfiguration":{"binding":"{{Form.Cigna_Confidentiality.Cigna_confidentialityText}}","visibility":"","type":"text","disableUpdates":false}},{"type":"shape","id":"7771d22b-3bf0-42e1-b0d6-595936455fdf","elementConfiguration":{"binding":"{{Form.Logo.EvernorthConfidentiality}}","visibility":"","type":"text","disableUpdates":false}},{"type":"shape","id":"e660a7d9-7b49-43a7-8966-b27600f9e73f","elementConfiguration":{"binding":"{{Form.Cigna_Confidentiality.Cigna_confidentialityText}}","visibility":"","type":"text","disableUpdates":false}},{"type":"shape","id":"c021a9f7-bb74-4ac7-8667-ac0f7ee9b206","elementConfiguration":{"binding":"{{Form.Logo.EvernorthConfidentialityEndslides}}","visibility":"","type":"text","disableUpdates":false}},{"type":"shape","id":"411b2e7e-8875-442a-ab34-fc353c271c51","elementConfiguration":{"binding":"{{Form.Cigna_Confidentiality.Cigna_confidentialityText}}","visibility":"","type":"text","disableUpdates":false}},{"type":"shape","id":"aefc1137-f3ae-42f7-b350-7f075a40bce2","elementConfiguration":{"inheritDimensions":"{{InheritDimensions.InheritNone}}","width":"5.96 cm","height":"2.1 cm","image":"{{Form.Logo.LogoHypermint.Image}}","visibility":"","type":"image","disableUpdates":false}},{"type":"shape","id":"96727538-a60a-4e19-a865-c5c4b2957885","elementConfiguration":{"binding":"{{Form.Logo.EvernorthConfidentiality}}","visibility":"","type":"text","disableUpdates":false}},{"type":"shape","id":"c39d7da7-8a8e-440d-8ede-7fc703186b31","elementConfiguration":{"binding":"{{Form.Cigna_Confidentiality.Cigna_confidentialityText}}","visibility":"","type":"text","disableUpdates":false}},{"type":"shape","id":"291986ca-70d3-46d5-8c0c-d27c3f34ecd8","elementConfiguration":{"inheritDimensions":"{{InheritDimensions.InheritNone}}","width":"5.96 cm","height":"2.1 cm","image":"{{Form.Logo.LogoHypermint.Image}}","visibility":"","type":"image","disableUpdates":false}}],"transformationConfigurations":[{"language":"{{DocumentLanguage}}","disableUpdates":false,"type":"proofingLanguage"}],"templateName":"Evernorth Health Services Template with \"by Evernorth\" Logo Options","templateDescription":"New template now available with a refreshed visual identity!","enableDocumentContentUpdater":true,"version":"2.0"}]]></TemplafyTemplateConfiguration>
</file>

<file path=customXml/item6.xml><?xml version="1.0" encoding="utf-8"?>
<TemplafyFormConfiguration><![CDATA[{"formFields":[{"distinct":true,"hideIfNoUserInteractionRequired":false,"required":false,"defaultValue":"Evernorth","autoSelectFirstOption":false,"helpTexts":{"prefix":"","postfix":""},"spacing":{},"shareValue":false,"type":"dropDown","dataSourceName":"P_EvernorthLogoChooser","dataSourceFieldName":"Name","name":"Logo","label":"Choose Logo"},{"distinct":true,"hideIfNoUserInteractionRequired":false,"required":false,"defaultValue":"n/a","autoSelectFirstOption":false,"helpTexts":{"prefix":"","postfix":""},"spacing":{},"shareValue":false,"type":"dropDown","dataSourceName":"Confidentiality","dataSourceFieldName":"Cigna_confidentiality","name":"Cigna_Confidentiality","label":"Internal Stamp Only"}],"formDataEntries":[{"name":"Logo","value":"GBR36pQEuRFS29VOdAtEfevwSIfit9JsQdk47LUxbZk="},{"name":"Cigna_Confidentiality","value":"e9PsktwREGhmSh4V+cYQuIwFi5l7aKFNW2g0ua+wINA="}]}]]></TemplafyFormConfiguration>
</file>

<file path=customXml/itemProps1.xml><?xml version="1.0" encoding="utf-8"?>
<ds:datastoreItem xmlns:ds="http://schemas.openxmlformats.org/officeDocument/2006/customXml" ds:itemID="{8650A4F1-83CA-4333-B2F1-33ABCFD6752B}">
  <ds:schemaRefs/>
</ds:datastoreItem>
</file>

<file path=customXml/itemProps2.xml><?xml version="1.0" encoding="utf-8"?>
<ds:datastoreItem xmlns:ds="http://schemas.openxmlformats.org/officeDocument/2006/customXml" ds:itemID="{31D90563-44B9-4415-B61A-59C23874BFD2}">
  <ds:schemaRefs/>
</ds:datastoreItem>
</file>

<file path=customXml/itemProps3.xml><?xml version="1.0" encoding="utf-8"?>
<ds:datastoreItem xmlns:ds="http://schemas.openxmlformats.org/officeDocument/2006/customXml" ds:itemID="{F2D9B1AE-7082-42C0-BD49-AF0A9D4D2C5E}">
  <ds:schemaRefs/>
</ds:datastoreItem>
</file>

<file path=customXml/itemProps4.xml><?xml version="1.0" encoding="utf-8"?>
<ds:datastoreItem xmlns:ds="http://schemas.openxmlformats.org/officeDocument/2006/customXml" ds:itemID="{F648CC74-5AE0-4216-AD06-F0D68F195DD8}">
  <ds:schemaRefs/>
</ds:datastoreItem>
</file>

<file path=customXml/itemProps5.xml><?xml version="1.0" encoding="utf-8"?>
<ds:datastoreItem xmlns:ds="http://schemas.openxmlformats.org/officeDocument/2006/customXml" ds:itemID="{9E4D2E6F-FE49-4FFB-A5F2-EDA5AAB1D111}">
  <ds:schemaRefs/>
</ds:datastoreItem>
</file>

<file path=customXml/itemProps6.xml><?xml version="1.0" encoding="utf-8"?>
<ds:datastoreItem xmlns:ds="http://schemas.openxmlformats.org/officeDocument/2006/customXml" ds:itemID="{180E6B4A-02B3-49EE-B6F9-C0FE6F86CE81}">
  <ds:schemaRefs/>
</ds:datastoreItem>
</file>

<file path=docProps/app.xml><?xml version="1.0" encoding="utf-8"?>
<Properties xmlns="http://schemas.openxmlformats.org/officeDocument/2006/extended-properties" xmlns:vt="http://schemas.openxmlformats.org/officeDocument/2006/docPropsVTypes">
  <TotalTime>0</TotalTime>
  <Words>1185</Words>
  <Application>WPS Presentation</Application>
  <PresentationFormat>Widescreen</PresentationFormat>
  <Paragraphs>85</Paragraphs>
  <Slides>9</Slides>
  <Notes>0</Notes>
  <HiddenSlides>0</HiddenSlides>
  <MMClips>0</MMClips>
  <ScaleCrop>false</ScaleCrop>
  <HeadingPairs>
    <vt:vector size="6" baseType="variant">
      <vt:variant>
        <vt:lpstr>已用的字体</vt:lpstr>
      </vt:variant>
      <vt:variant>
        <vt:i4>13</vt:i4>
      </vt:variant>
      <vt:variant>
        <vt:lpstr>主题</vt:lpstr>
      </vt:variant>
      <vt:variant>
        <vt:i4>1</vt:i4>
      </vt:variant>
      <vt:variant>
        <vt:lpstr>幻灯片标题</vt:lpstr>
      </vt:variant>
      <vt:variant>
        <vt:i4>9</vt:i4>
      </vt:variant>
    </vt:vector>
  </HeadingPairs>
  <TitlesOfParts>
    <vt:vector size="23" baseType="lpstr">
      <vt:lpstr>Arial</vt:lpstr>
      <vt:lpstr>SimSun</vt:lpstr>
      <vt:lpstr>Wingdings</vt:lpstr>
      <vt:lpstr>Arial Narrow</vt:lpstr>
      <vt:lpstr>Arial</vt:lpstr>
      <vt:lpstr>Arial Black</vt:lpstr>
      <vt:lpstr>Consolas</vt:lpstr>
      <vt:lpstr>Times New Roman</vt:lpstr>
      <vt:lpstr>Segoe UI</vt:lpstr>
      <vt:lpstr>Courier New</vt:lpstr>
      <vt:lpstr>Algerian</vt:lpstr>
      <vt:lpstr>Microsoft YaHei</vt:lpstr>
      <vt:lpstr>Arial Unicode MS</vt:lpstr>
      <vt:lpstr>Evernorth 16:9</vt:lpstr>
      <vt:lpstr>  Evernorth  Calorie Tracker</vt:lpstr>
      <vt:lpstr>INTRODUCTION</vt:lpstr>
      <vt:lpstr>PROBLEM STATEMENT</vt:lpstr>
      <vt:lpstr>PowerPoint 演示文稿</vt:lpstr>
      <vt:lpstr>OBJECTIVES AND GOALS</vt:lpstr>
      <vt:lpstr>PowerPoint 演示文稿</vt:lpstr>
      <vt:lpstr>PowerPoint 演示文稿</vt:lpstr>
      <vt:lpstr>Conclusion</vt:lpstr>
      <vt:lpstr>Thankyou</vt:lpstr>
    </vt:vector>
  </TitlesOfParts>
  <LinksUpToDate>false</LinksUpToDate>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kotla keerthi</cp:lastModifiedBy>
  <cp:revision>2</cp:revision>
  <dcterms:created xsi:type="dcterms:W3CDTF">2025-01-09T12:37:00Z</dcterms:created>
  <dcterms:modified xsi:type="dcterms:W3CDTF">2025-02-04T09:09:2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MSIP_Label_459ef8e5-3aaa-41a0-b30c-a77b6f506147_Enabled">
    <vt:lpwstr>true</vt:lpwstr>
  </property>
  <property fmtid="{D5CDD505-2E9C-101B-9397-08002B2CF9AE}" pid="4" name="MSIP_Label_459ef8e5-3aaa-41a0-b30c-a77b6f506147_SetDate">
    <vt:lpwstr>2024-05-14T08:43:24Z</vt:lpwstr>
  </property>
  <property fmtid="{D5CDD505-2E9C-101B-9397-08002B2CF9AE}" pid="5" name="MSIP_Label_459ef8e5-3aaa-41a0-b30c-a77b6f506147_Method">
    <vt:lpwstr>Standard</vt:lpwstr>
  </property>
  <property fmtid="{D5CDD505-2E9C-101B-9397-08002B2CF9AE}" pid="6" name="MSIP_Label_459ef8e5-3aaa-41a0-b30c-a77b6f506147_Name">
    <vt:lpwstr>Internal</vt:lpwstr>
  </property>
  <property fmtid="{D5CDD505-2E9C-101B-9397-08002B2CF9AE}" pid="7" name="MSIP_Label_459ef8e5-3aaa-41a0-b30c-a77b6f506147_SiteId">
    <vt:lpwstr>9343c96b-27bb-4092-add6-977870612481</vt:lpwstr>
  </property>
  <property fmtid="{D5CDD505-2E9C-101B-9397-08002B2CF9AE}" pid="8" name="MSIP_Label_459ef8e5-3aaa-41a0-b30c-a77b6f506147_ActionId">
    <vt:lpwstr>5072750f-9001-499d-a5c7-f098b5674e63</vt:lpwstr>
  </property>
  <property fmtid="{D5CDD505-2E9C-101B-9397-08002B2CF9AE}" pid="9" name="MSIP_Label_459ef8e5-3aaa-41a0-b30c-a77b6f506147_ContentBits">
    <vt:lpwstr>0</vt:lpwstr>
  </property>
  <property fmtid="{D5CDD505-2E9C-101B-9397-08002B2CF9AE}" pid="10" name="TemplafyTimeStamp">
    <vt:lpwstr>2024-11-06T16:49:37</vt:lpwstr>
  </property>
  <property fmtid="{D5CDD505-2E9C-101B-9397-08002B2CF9AE}" pid="11" name="TemplafyTenantId">
    <vt:lpwstr>cigna</vt:lpwstr>
  </property>
  <property fmtid="{D5CDD505-2E9C-101B-9397-08002B2CF9AE}" pid="12" name="TemplafyTemplateId">
    <vt:lpwstr>638338156615379706</vt:lpwstr>
  </property>
  <property fmtid="{D5CDD505-2E9C-101B-9397-08002B2CF9AE}" pid="13" name="TemplafyUserProfileId">
    <vt:lpwstr>1036379259283964584</vt:lpwstr>
  </property>
  <property fmtid="{D5CDD505-2E9C-101B-9397-08002B2CF9AE}" pid="14" name="TemplafyFromBlank">
    <vt:bool>false</vt:bool>
  </property>
  <property fmtid="{D5CDD505-2E9C-101B-9397-08002B2CF9AE}" pid="15" name="ICV">
    <vt:lpwstr>8C34A08F9F434AEAAE04339D4BBCEC42_13</vt:lpwstr>
  </property>
  <property fmtid="{D5CDD505-2E9C-101B-9397-08002B2CF9AE}" pid="16" name="KSOProductBuildVer">
    <vt:lpwstr>1033-12.2.0.19805</vt:lpwstr>
  </property>
</Properties>
</file>